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12.31時点\01_起案\"/>
    </mc:Choice>
  </mc:AlternateContent>
  <xr:revisionPtr revIDLastSave="0" documentId="13_ncr:1_{518F0677-A0C0-4DF1-AE1D-1971E7EB5C76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厚木" sheetId="79" r:id="rId1"/>
  </sheets>
  <definedNames>
    <definedName name="_xlnm._FilterDatabase" localSheetId="0" hidden="1">厚木!$B$2:$E$88</definedName>
    <definedName name="_xlnm.Print_Area" localSheetId="0">厚木!$A$1:$E$89</definedName>
    <definedName name="_xlnm.Print_Titles" localSheetId="0">厚木!$2:$2</definedName>
  </definedNames>
  <calcPr calcId="162913"/>
</workbook>
</file>

<file path=xl/sharedStrings.xml><?xml version="1.0" encoding="utf-8"?>
<sst xmlns="http://schemas.openxmlformats.org/spreadsheetml/2006/main" count="354" uniqueCount="268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ホテルゴルフ</t>
  </si>
  <si>
    <t>愛川魚苑</t>
  </si>
  <si>
    <t>浜美</t>
  </si>
  <si>
    <t>元湯旅館</t>
  </si>
  <si>
    <t>厚木市飯山4916</t>
  </si>
  <si>
    <t>厚木市岡田2-17-26</t>
  </si>
  <si>
    <t>厚木市岡田2-7-25</t>
  </si>
  <si>
    <t>厚木市岡田2-7-32</t>
  </si>
  <si>
    <t>厚木市岡田2-8-6</t>
  </si>
  <si>
    <t>厚木市岡田3-11-18</t>
  </si>
  <si>
    <t>パール</t>
  </si>
  <si>
    <t>厚木市岡田3-11-23</t>
  </si>
  <si>
    <t>厚木市岡田3-12-40</t>
  </si>
  <si>
    <t>厚木市岡田3-12-8</t>
  </si>
  <si>
    <t>厚木市岡田3-5-1</t>
  </si>
  <si>
    <t>厚木市岡田3-6-26</t>
  </si>
  <si>
    <t>厚木市岡田3-6-32</t>
  </si>
  <si>
    <t>厚木市岡田3-6-37</t>
  </si>
  <si>
    <t>厚木市岡田3-7-3</t>
  </si>
  <si>
    <t>厚木市栄町1-1-8</t>
  </si>
  <si>
    <t>ビジネスホテル夕霧</t>
  </si>
  <si>
    <t>たちばな旅館</t>
  </si>
  <si>
    <t>厚木市栄町2-3-14</t>
  </si>
  <si>
    <t>厚木市中町2-13-1</t>
  </si>
  <si>
    <t>厚木カプセルホテル</t>
  </si>
  <si>
    <t>厚木シティホテル</t>
  </si>
  <si>
    <t>厚木市中町2-4-14</t>
  </si>
  <si>
    <t>厚木アーバンホテル</t>
  </si>
  <si>
    <t>厚木市中町3-14-14</t>
  </si>
  <si>
    <t>厚木市中町3-6-16</t>
  </si>
  <si>
    <t>厚木市中町3-9-2</t>
  </si>
  <si>
    <t>厚木市七沢1811</t>
  </si>
  <si>
    <t>七沢荘</t>
  </si>
  <si>
    <t>厚木市七沢2062</t>
  </si>
  <si>
    <t>厚木市七沢2440</t>
  </si>
  <si>
    <t>厚木市七沢2607</t>
  </si>
  <si>
    <t>厚木市七沢2750</t>
  </si>
  <si>
    <t>厚木市七沢2758</t>
  </si>
  <si>
    <t>厚木市七沢2776</t>
  </si>
  <si>
    <t>厚木市温水21-1</t>
  </si>
  <si>
    <t>厚木市船子38</t>
  </si>
  <si>
    <t>多つ美屋</t>
  </si>
  <si>
    <t>厚木市水引1-10-13</t>
  </si>
  <si>
    <t>海老名市中央1-9-15</t>
  </si>
  <si>
    <t>海老名市中央2-9-50</t>
  </si>
  <si>
    <t>リッチランド</t>
  </si>
  <si>
    <t>長者屋敷キャンプ場</t>
  </si>
  <si>
    <t>唐沢キャンプ場</t>
  </si>
  <si>
    <t>旅籠ふじ</t>
  </si>
  <si>
    <t>ホテルジュリアン</t>
  </si>
  <si>
    <t>許可番号</t>
    <rPh sb="0" eb="2">
      <t>キョカ</t>
    </rPh>
    <rPh sb="2" eb="4">
      <t>バンゴウ</t>
    </rPh>
    <phoneticPr fontId="1"/>
  </si>
  <si>
    <t>旅館・ホテル</t>
  </si>
  <si>
    <t>第080079号</t>
    <rPh sb="0" eb="1">
      <t>ダイ</t>
    </rPh>
    <rPh sb="7" eb="8">
      <t>ゴウ</t>
    </rPh>
    <phoneticPr fontId="1"/>
  </si>
  <si>
    <t>東横INN　本厚木駅南口</t>
    <rPh sb="0" eb="2">
      <t>トウヨコ</t>
    </rPh>
    <rPh sb="6" eb="9">
      <t>ホンアツギ</t>
    </rPh>
    <rPh sb="9" eb="10">
      <t>エキ</t>
    </rPh>
    <rPh sb="10" eb="12">
      <t>ミナミグチ</t>
    </rPh>
    <phoneticPr fontId="2"/>
  </si>
  <si>
    <t>厚木市旭町1-9-8</t>
    <rPh sb="0" eb="3">
      <t>アツギシ</t>
    </rPh>
    <rPh sb="3" eb="5">
      <t>アサヒチョウ</t>
    </rPh>
    <phoneticPr fontId="2"/>
  </si>
  <si>
    <t>旅館・ホテル</t>
    <rPh sb="0" eb="2">
      <t>リョカン</t>
    </rPh>
    <phoneticPr fontId="2"/>
  </si>
  <si>
    <t>第080084号</t>
    <rPh sb="0" eb="1">
      <t>ダイ</t>
    </rPh>
    <rPh sb="7" eb="8">
      <t>ゴウ</t>
    </rPh>
    <phoneticPr fontId="1"/>
  </si>
  <si>
    <t>宿泊ジャンルバー</t>
    <rPh sb="0" eb="2">
      <t>シュクハク</t>
    </rPh>
    <phoneticPr fontId="1"/>
  </si>
  <si>
    <t>厚木市旭町3-12-15</t>
    <rPh sb="0" eb="3">
      <t>アツギシ</t>
    </rPh>
    <rPh sb="3" eb="5">
      <t>アサヒチョウ</t>
    </rPh>
    <phoneticPr fontId="1"/>
  </si>
  <si>
    <t>第080023号</t>
    <rPh sb="0" eb="1">
      <t>ダイ</t>
    </rPh>
    <rPh sb="7" eb="8">
      <t>ゴウ</t>
    </rPh>
    <phoneticPr fontId="1"/>
  </si>
  <si>
    <t>第080083号</t>
    <rPh sb="0" eb="1">
      <t>ダイ</t>
    </rPh>
    <rPh sb="7" eb="8">
      <t>ゴウ</t>
    </rPh>
    <phoneticPr fontId="1"/>
  </si>
  <si>
    <t>美登利園</t>
    <rPh sb="0" eb="1">
      <t>ミ</t>
    </rPh>
    <rPh sb="1" eb="2">
      <t>ト</t>
    </rPh>
    <rPh sb="2" eb="3">
      <t>リ</t>
    </rPh>
    <rPh sb="3" eb="4">
      <t>エン</t>
    </rPh>
    <phoneticPr fontId="1"/>
  </si>
  <si>
    <t>厚木市飯山5157</t>
    <phoneticPr fontId="1"/>
  </si>
  <si>
    <t>第080077号</t>
    <rPh sb="0" eb="1">
      <t>ダイ</t>
    </rPh>
    <rPh sb="7" eb="8">
      <t>ゴウ</t>
    </rPh>
    <phoneticPr fontId="1"/>
  </si>
  <si>
    <t>小田急ステーションホテル本厚木</t>
    <rPh sb="0" eb="3">
      <t>オダキュウ</t>
    </rPh>
    <rPh sb="12" eb="13">
      <t>ホン</t>
    </rPh>
    <rPh sb="13" eb="15">
      <t>アツギ</t>
    </rPh>
    <phoneticPr fontId="2"/>
  </si>
  <si>
    <t>厚木市泉町1-1</t>
    <rPh sb="0" eb="2">
      <t>アツギ</t>
    </rPh>
    <rPh sb="2" eb="3">
      <t>シ</t>
    </rPh>
    <rPh sb="3" eb="4">
      <t>イズミ</t>
    </rPh>
    <rPh sb="4" eb="5">
      <t>チョウ</t>
    </rPh>
    <phoneticPr fontId="2"/>
  </si>
  <si>
    <t>第080072号</t>
    <rPh sb="0" eb="1">
      <t>ダイ</t>
    </rPh>
    <rPh sb="7" eb="8">
      <t>ゴウ</t>
    </rPh>
    <phoneticPr fontId="1"/>
  </si>
  <si>
    <t>厚木市泉町2-4</t>
    <rPh sb="0" eb="3">
      <t>アツギシ</t>
    </rPh>
    <rPh sb="3" eb="4">
      <t>イズミ</t>
    </rPh>
    <rPh sb="4" eb="5">
      <t>チョウ</t>
    </rPh>
    <phoneticPr fontId="2"/>
  </si>
  <si>
    <t>第080039号</t>
    <rPh sb="0" eb="1">
      <t>ダイ</t>
    </rPh>
    <rPh sb="7" eb="8">
      <t>ゴウ</t>
    </rPh>
    <phoneticPr fontId="1"/>
  </si>
  <si>
    <t>第080024号</t>
    <rPh sb="0" eb="1">
      <t>ダイ</t>
    </rPh>
    <rPh sb="7" eb="8">
      <t>ゴウ</t>
    </rPh>
    <phoneticPr fontId="1"/>
  </si>
  <si>
    <t>第080027号</t>
    <rPh sb="0" eb="1">
      <t>ダイ</t>
    </rPh>
    <rPh sb="7" eb="8">
      <t>ゴウ</t>
    </rPh>
    <phoneticPr fontId="1"/>
  </si>
  <si>
    <t>ラ・モード厚木</t>
    <rPh sb="5" eb="7">
      <t>アツギ</t>
    </rPh>
    <phoneticPr fontId="2"/>
  </si>
  <si>
    <t>第080076号</t>
    <rPh sb="0" eb="1">
      <t>ダイ</t>
    </rPh>
    <rPh sb="7" eb="8">
      <t>ゴウ</t>
    </rPh>
    <phoneticPr fontId="1"/>
  </si>
  <si>
    <t>ホテルキュー厚木</t>
    <rPh sb="6" eb="8">
      <t>アツギ</t>
    </rPh>
    <phoneticPr fontId="2"/>
  </si>
  <si>
    <t>第080020号</t>
    <rPh sb="0" eb="1">
      <t>ダイ</t>
    </rPh>
    <rPh sb="7" eb="8">
      <t>ゴウ</t>
    </rPh>
    <phoneticPr fontId="1"/>
  </si>
  <si>
    <t>第080071号</t>
    <rPh sb="0" eb="1">
      <t>ダイ</t>
    </rPh>
    <rPh sb="7" eb="8">
      <t>ゴウ</t>
    </rPh>
    <phoneticPr fontId="1"/>
  </si>
  <si>
    <t>第080069号</t>
    <rPh sb="0" eb="1">
      <t>ダイ</t>
    </rPh>
    <rPh sb="7" eb="8">
      <t>ゴウ</t>
    </rPh>
    <phoneticPr fontId="1"/>
  </si>
  <si>
    <t>第080018号</t>
    <rPh sb="0" eb="1">
      <t>ダイ</t>
    </rPh>
    <rPh sb="7" eb="8">
      <t>ゴウ</t>
    </rPh>
    <phoneticPr fontId="1"/>
  </si>
  <si>
    <t>ゲイト・バリ</t>
    <phoneticPr fontId="2"/>
  </si>
  <si>
    <t>第080067号</t>
    <rPh sb="0" eb="1">
      <t>ダイ</t>
    </rPh>
    <rPh sb="7" eb="8">
      <t>ゴウ</t>
    </rPh>
    <phoneticPr fontId="1"/>
  </si>
  <si>
    <t>ウィルスイート厚木</t>
    <rPh sb="7" eb="9">
      <t>アツギ</t>
    </rPh>
    <phoneticPr fontId="2"/>
  </si>
  <si>
    <t>第080073号</t>
    <rPh sb="0" eb="1">
      <t>ダイ</t>
    </rPh>
    <rPh sb="7" eb="8">
      <t>ゴウ</t>
    </rPh>
    <phoneticPr fontId="1"/>
  </si>
  <si>
    <t>ミトス</t>
    <phoneticPr fontId="2"/>
  </si>
  <si>
    <t>厚木市岡田3-8-18</t>
    <rPh sb="0" eb="3">
      <t>アツギシ</t>
    </rPh>
    <rPh sb="3" eb="5">
      <t>オカダ</t>
    </rPh>
    <phoneticPr fontId="2"/>
  </si>
  <si>
    <t>第080012号</t>
    <rPh sb="0" eb="1">
      <t>ダイ</t>
    </rPh>
    <rPh sb="7" eb="8">
      <t>ゴウ</t>
    </rPh>
    <phoneticPr fontId="1"/>
  </si>
  <si>
    <t>ホテルクイーンズタウン　厚木店　PartⅡ</t>
    <rPh sb="12" eb="14">
      <t>アツギ</t>
    </rPh>
    <rPh sb="14" eb="15">
      <t>テン</t>
    </rPh>
    <phoneticPr fontId="2"/>
  </si>
  <si>
    <t>第080061号</t>
    <rPh sb="0" eb="1">
      <t>ダイ</t>
    </rPh>
    <rPh sb="7" eb="8">
      <t>ゴウ</t>
    </rPh>
    <phoneticPr fontId="1"/>
  </si>
  <si>
    <t>第080059号</t>
    <rPh sb="0" eb="1">
      <t>ダイ</t>
    </rPh>
    <rPh sb="7" eb="8">
      <t>ゴウ</t>
    </rPh>
    <phoneticPr fontId="1"/>
  </si>
  <si>
    <t>クイーンズタウン　partⅠ　アネックス</t>
    <phoneticPr fontId="2"/>
  </si>
  <si>
    <t>第080058号</t>
    <rPh sb="0" eb="1">
      <t>ダイ</t>
    </rPh>
    <rPh sb="7" eb="8">
      <t>ゴウ</t>
    </rPh>
    <phoneticPr fontId="1"/>
  </si>
  <si>
    <t>クイーンズタウン　partⅠ</t>
    <phoneticPr fontId="2"/>
  </si>
  <si>
    <t>第080022号</t>
    <rPh sb="0" eb="1">
      <t>ダイ</t>
    </rPh>
    <rPh sb="7" eb="8">
      <t>ゴウ</t>
    </rPh>
    <phoneticPr fontId="1"/>
  </si>
  <si>
    <t>第080014号</t>
    <rPh sb="0" eb="1">
      <t>ダイ</t>
    </rPh>
    <rPh sb="7" eb="8">
      <t>ゴウ</t>
    </rPh>
    <phoneticPr fontId="1"/>
  </si>
  <si>
    <t>くちなし城桃源郷　厚木店</t>
    <rPh sb="5" eb="8">
      <t>トウゲンキョウ</t>
    </rPh>
    <rPh sb="9" eb="11">
      <t>アツギ</t>
    </rPh>
    <rPh sb="11" eb="12">
      <t>テン</t>
    </rPh>
    <phoneticPr fontId="2"/>
  </si>
  <si>
    <t>厚木市岡田3-12-43</t>
    <phoneticPr fontId="1"/>
  </si>
  <si>
    <t>第080074号</t>
    <rPh sb="0" eb="1">
      <t>ダイ</t>
    </rPh>
    <rPh sb="7" eb="8">
      <t>ゴウ</t>
    </rPh>
    <phoneticPr fontId="1"/>
  </si>
  <si>
    <t>厚木市岡田3-12-45</t>
    <rPh sb="0" eb="3">
      <t>アツギシ</t>
    </rPh>
    <rPh sb="3" eb="5">
      <t>オカダ</t>
    </rPh>
    <phoneticPr fontId="2"/>
  </si>
  <si>
    <t>第080044号</t>
    <rPh sb="0" eb="1">
      <t>ダイ</t>
    </rPh>
    <rPh sb="7" eb="8">
      <t>ゴウ</t>
    </rPh>
    <phoneticPr fontId="1"/>
  </si>
  <si>
    <t>湯の泉　東名厚木健康センター</t>
    <rPh sb="0" eb="1">
      <t>ユ</t>
    </rPh>
    <rPh sb="2" eb="3">
      <t>イズミ</t>
    </rPh>
    <rPh sb="4" eb="6">
      <t>トウメイ</t>
    </rPh>
    <rPh sb="6" eb="8">
      <t>アツギ</t>
    </rPh>
    <rPh sb="8" eb="10">
      <t>ケンコウ</t>
    </rPh>
    <phoneticPr fontId="2"/>
  </si>
  <si>
    <t>厚木市岡田3-17-10</t>
    <rPh sb="0" eb="2">
      <t>アツギ</t>
    </rPh>
    <rPh sb="2" eb="3">
      <t>シ</t>
    </rPh>
    <rPh sb="3" eb="5">
      <t>オカダ</t>
    </rPh>
    <phoneticPr fontId="2"/>
  </si>
  <si>
    <t>第080016号</t>
    <rPh sb="0" eb="1">
      <t>ダイ</t>
    </rPh>
    <rPh sb="7" eb="8">
      <t>ゴウ</t>
    </rPh>
    <phoneticPr fontId="1"/>
  </si>
  <si>
    <t>第080019号</t>
    <rPh sb="0" eb="1">
      <t>ダイ</t>
    </rPh>
    <rPh sb="7" eb="8">
      <t>ゴウ</t>
    </rPh>
    <phoneticPr fontId="1"/>
  </si>
  <si>
    <t>第080064号</t>
    <rPh sb="0" eb="1">
      <t>ダイ</t>
    </rPh>
    <rPh sb="7" eb="8">
      <t>ゴウ</t>
    </rPh>
    <phoneticPr fontId="1"/>
  </si>
  <si>
    <t>第080063号</t>
    <rPh sb="0" eb="1">
      <t>ダイ</t>
    </rPh>
    <rPh sb="7" eb="8">
      <t>ゴウ</t>
    </rPh>
    <phoneticPr fontId="1"/>
  </si>
  <si>
    <t>第080055号</t>
    <rPh sb="0" eb="1">
      <t>ダイ</t>
    </rPh>
    <rPh sb="7" eb="8">
      <t>ゴウ</t>
    </rPh>
    <phoneticPr fontId="1"/>
  </si>
  <si>
    <t>アーベントホテル厚木</t>
    <rPh sb="8" eb="10">
      <t>アツギ</t>
    </rPh>
    <phoneticPr fontId="2"/>
  </si>
  <si>
    <t>厚木市中町2-10-15</t>
    <rPh sb="0" eb="3">
      <t>アツギシ</t>
    </rPh>
    <rPh sb="3" eb="5">
      <t>ナカチョウ</t>
    </rPh>
    <phoneticPr fontId="2"/>
  </si>
  <si>
    <t>第080026号</t>
    <rPh sb="0" eb="1">
      <t>ダイ</t>
    </rPh>
    <rPh sb="7" eb="8">
      <t>ゴウ</t>
    </rPh>
    <phoneticPr fontId="1"/>
  </si>
  <si>
    <t>第080060号</t>
    <rPh sb="0" eb="1">
      <t>ダイ</t>
    </rPh>
    <rPh sb="7" eb="8">
      <t>ゴウ</t>
    </rPh>
    <phoneticPr fontId="1"/>
  </si>
  <si>
    <t>ホテル東海(旅館)</t>
    <rPh sb="6" eb="8">
      <t>リョカン</t>
    </rPh>
    <phoneticPr fontId="2"/>
  </si>
  <si>
    <t>第080033号</t>
    <rPh sb="0" eb="1">
      <t>ダイ</t>
    </rPh>
    <rPh sb="7" eb="8">
      <t>ゴウ</t>
    </rPh>
    <phoneticPr fontId="1"/>
  </si>
  <si>
    <t>株式会社　旅館さがみ</t>
    <rPh sb="0" eb="4">
      <t>カブシキガイシャ</t>
    </rPh>
    <phoneticPr fontId="2"/>
  </si>
  <si>
    <t>第080068号</t>
    <rPh sb="0" eb="1">
      <t>ダイ</t>
    </rPh>
    <rPh sb="7" eb="8">
      <t>ゴウ</t>
    </rPh>
    <phoneticPr fontId="1"/>
  </si>
  <si>
    <t>ホテルビスタ厚木</t>
    <rPh sb="6" eb="8">
      <t>アツギ</t>
    </rPh>
    <phoneticPr fontId="2"/>
  </si>
  <si>
    <t>厚木市中町3－12－5</t>
    <rPh sb="0" eb="3">
      <t>アツギシ</t>
    </rPh>
    <rPh sb="3" eb="5">
      <t>ナカチョウ</t>
    </rPh>
    <phoneticPr fontId="2"/>
  </si>
  <si>
    <t>第080031号</t>
    <rPh sb="0" eb="1">
      <t>ダイ</t>
    </rPh>
    <rPh sb="7" eb="8">
      <t>ゴウ</t>
    </rPh>
    <phoneticPr fontId="1"/>
  </si>
  <si>
    <t>第080013号</t>
    <rPh sb="0" eb="1">
      <t>ダイ</t>
    </rPh>
    <rPh sb="7" eb="8">
      <t>ゴウ</t>
    </rPh>
    <phoneticPr fontId="1"/>
  </si>
  <si>
    <t>有限会社　旅館福松</t>
    <rPh sb="0" eb="4">
      <t>ユウゲンガイシャ</t>
    </rPh>
    <phoneticPr fontId="2"/>
  </si>
  <si>
    <t>第080017号</t>
    <rPh sb="0" eb="1">
      <t>ダイ</t>
    </rPh>
    <rPh sb="7" eb="8">
      <t>ゴウ</t>
    </rPh>
    <phoneticPr fontId="1"/>
  </si>
  <si>
    <t>第080045号</t>
    <rPh sb="0" eb="1">
      <t>ダイ</t>
    </rPh>
    <rPh sb="7" eb="8">
      <t>ゴウ</t>
    </rPh>
    <phoneticPr fontId="1"/>
  </si>
  <si>
    <t>第080029号</t>
    <rPh sb="0" eb="1">
      <t>ダイ</t>
    </rPh>
    <rPh sb="7" eb="8">
      <t>ゴウ</t>
    </rPh>
    <phoneticPr fontId="1"/>
  </si>
  <si>
    <t>第080001号</t>
    <rPh sb="0" eb="1">
      <t>ダイ</t>
    </rPh>
    <rPh sb="7" eb="8">
      <t>ゴウ</t>
    </rPh>
    <phoneticPr fontId="1"/>
  </si>
  <si>
    <t>株式会社　玉翠楼</t>
    <rPh sb="0" eb="4">
      <t>カブシキガイシャ</t>
    </rPh>
    <rPh sb="7" eb="8">
      <t>ロウ</t>
    </rPh>
    <phoneticPr fontId="2"/>
  </si>
  <si>
    <t>第080002号</t>
    <rPh sb="0" eb="1">
      <t>ダイ</t>
    </rPh>
    <rPh sb="7" eb="8">
      <t>ゴウ</t>
    </rPh>
    <phoneticPr fontId="1"/>
  </si>
  <si>
    <t>有限会社　中屋旅館</t>
    <rPh sb="0" eb="4">
      <t>ユウゲンガイシャ</t>
    </rPh>
    <phoneticPr fontId="2"/>
  </si>
  <si>
    <t>第080015号</t>
    <rPh sb="0" eb="1">
      <t>ダイ</t>
    </rPh>
    <rPh sb="7" eb="8">
      <t>ゴウ</t>
    </rPh>
    <phoneticPr fontId="1"/>
  </si>
  <si>
    <t>有限会社　福元館</t>
    <rPh sb="0" eb="2">
      <t>ユウゲン</t>
    </rPh>
    <rPh sb="2" eb="4">
      <t>ガイシャ</t>
    </rPh>
    <phoneticPr fontId="1"/>
  </si>
  <si>
    <t>第080003号</t>
    <rPh sb="0" eb="1">
      <t>ダイ</t>
    </rPh>
    <rPh sb="7" eb="8">
      <t>ゴウ</t>
    </rPh>
    <phoneticPr fontId="1"/>
  </si>
  <si>
    <t>第080082号</t>
    <rPh sb="0" eb="1">
      <t>ダイ</t>
    </rPh>
    <rPh sb="7" eb="8">
      <t>ゴウ</t>
    </rPh>
    <phoneticPr fontId="1"/>
  </si>
  <si>
    <t>ホテルキュープラス厚木</t>
    <rPh sb="9" eb="11">
      <t>アツギ</t>
    </rPh>
    <phoneticPr fontId="1"/>
  </si>
  <si>
    <t>第080065号</t>
    <rPh sb="0" eb="1">
      <t>ダイ</t>
    </rPh>
    <rPh sb="7" eb="8">
      <t>ゴウ</t>
    </rPh>
    <phoneticPr fontId="1"/>
  </si>
  <si>
    <t>第080057号</t>
    <rPh sb="0" eb="1">
      <t>ダイ</t>
    </rPh>
    <rPh sb="7" eb="8">
      <t>ゴウ</t>
    </rPh>
    <phoneticPr fontId="1"/>
  </si>
  <si>
    <t>第080078号</t>
    <rPh sb="0" eb="1">
      <t>ダイ</t>
    </rPh>
    <rPh sb="7" eb="8">
      <t>ゴウ</t>
    </rPh>
    <phoneticPr fontId="1"/>
  </si>
  <si>
    <t>ホテル　ココ　リゾート</t>
    <phoneticPr fontId="2"/>
  </si>
  <si>
    <t>厚木市船子730</t>
    <rPh sb="0" eb="3">
      <t>アツギシ</t>
    </rPh>
    <rPh sb="3" eb="5">
      <t>フナコ</t>
    </rPh>
    <phoneticPr fontId="2"/>
  </si>
  <si>
    <t>第080028号</t>
    <rPh sb="0" eb="1">
      <t>ダイ</t>
    </rPh>
    <rPh sb="7" eb="8">
      <t>ゴウ</t>
    </rPh>
    <phoneticPr fontId="1"/>
  </si>
  <si>
    <t>第080086号</t>
    <rPh sb="0" eb="1">
      <t>ダイ</t>
    </rPh>
    <rPh sb="7" eb="8">
      <t>ゴウ</t>
    </rPh>
    <phoneticPr fontId="1"/>
  </si>
  <si>
    <t>ＪＡあつぎグリーンホール</t>
    <phoneticPr fontId="1"/>
  </si>
  <si>
    <t>厚木市水引2-9-2</t>
    <rPh sb="0" eb="2">
      <t>アツギ</t>
    </rPh>
    <rPh sb="2" eb="3">
      <t>シ</t>
    </rPh>
    <rPh sb="3" eb="5">
      <t>ミズヒキ</t>
    </rPh>
    <phoneticPr fontId="1"/>
  </si>
  <si>
    <t>第080081号</t>
    <rPh sb="0" eb="1">
      <t>ダイ</t>
    </rPh>
    <rPh sb="7" eb="8">
      <t>ゴウ</t>
    </rPh>
    <phoneticPr fontId="1"/>
  </si>
  <si>
    <t>ホテルルートイン海老名駅前</t>
    <rPh sb="8" eb="11">
      <t>エビナ</t>
    </rPh>
    <rPh sb="11" eb="13">
      <t>エキマエ</t>
    </rPh>
    <phoneticPr fontId="1"/>
  </si>
  <si>
    <t>海老名市扇町14-5</t>
    <rPh sb="0" eb="4">
      <t>エビナシ</t>
    </rPh>
    <rPh sb="4" eb="6">
      <t>オウギマチ</t>
    </rPh>
    <phoneticPr fontId="1"/>
  </si>
  <si>
    <t>第080048号</t>
    <rPh sb="0" eb="1">
      <t>ダイ</t>
    </rPh>
    <rPh sb="7" eb="8">
      <t>ゴウ</t>
    </rPh>
    <phoneticPr fontId="1"/>
  </si>
  <si>
    <t>第080066号</t>
    <rPh sb="0" eb="1">
      <t>ダイ</t>
    </rPh>
    <rPh sb="7" eb="8">
      <t>ゴウ</t>
    </rPh>
    <phoneticPr fontId="1"/>
  </si>
  <si>
    <t>海老名市下今泉5-1-1</t>
    <phoneticPr fontId="2"/>
  </si>
  <si>
    <t>第080025号</t>
    <rPh sb="0" eb="1">
      <t>ダイ</t>
    </rPh>
    <rPh sb="7" eb="8">
      <t>ゴウ</t>
    </rPh>
    <phoneticPr fontId="1"/>
  </si>
  <si>
    <t>第080070号</t>
    <rPh sb="0" eb="1">
      <t>ダイ</t>
    </rPh>
    <rPh sb="7" eb="8">
      <t>ゴウ</t>
    </rPh>
    <phoneticPr fontId="1"/>
  </si>
  <si>
    <t>ホテルビスタ海老名</t>
    <rPh sb="6" eb="9">
      <t>エビナ</t>
    </rPh>
    <phoneticPr fontId="2"/>
  </si>
  <si>
    <t>海老名市中央3-1-3</t>
    <rPh sb="0" eb="4">
      <t>エビナシ</t>
    </rPh>
    <rPh sb="4" eb="6">
      <t>チュウオウ</t>
    </rPh>
    <phoneticPr fontId="2"/>
  </si>
  <si>
    <t>第080037号</t>
    <rPh sb="0" eb="1">
      <t>ダイ</t>
    </rPh>
    <rPh sb="7" eb="8">
      <t>ゴウ</t>
    </rPh>
    <phoneticPr fontId="1"/>
  </si>
  <si>
    <t>座間市相模が丘1-5-6</t>
    <phoneticPr fontId="2"/>
  </si>
  <si>
    <t>第080006号</t>
    <rPh sb="0" eb="1">
      <t>ダイ</t>
    </rPh>
    <rPh sb="7" eb="8">
      <t>ゴウ</t>
    </rPh>
    <phoneticPr fontId="1"/>
  </si>
  <si>
    <t>愛甲郡愛川町角田2660</t>
    <rPh sb="0" eb="3">
      <t>アイコウグン</t>
    </rPh>
    <phoneticPr fontId="1"/>
  </si>
  <si>
    <t>愛甲郡愛川町中津6890-1</t>
    <rPh sb="0" eb="3">
      <t>アイコウグン</t>
    </rPh>
    <phoneticPr fontId="1"/>
  </si>
  <si>
    <t>第080047号</t>
    <rPh sb="0" eb="1">
      <t>ダイ</t>
    </rPh>
    <rPh sb="7" eb="8">
      <t>ゴウ</t>
    </rPh>
    <phoneticPr fontId="1"/>
  </si>
  <si>
    <t>愛川ふれあいの村</t>
    <rPh sb="0" eb="2">
      <t>アイカワ</t>
    </rPh>
    <rPh sb="7" eb="8">
      <t>ムラ</t>
    </rPh>
    <phoneticPr fontId="2"/>
  </si>
  <si>
    <t>愛甲郡愛川町半原3390</t>
    <rPh sb="0" eb="3">
      <t>アイコウグン</t>
    </rPh>
    <rPh sb="3" eb="6">
      <t>アイカワマチ</t>
    </rPh>
    <rPh sb="6" eb="7">
      <t>ハン</t>
    </rPh>
    <rPh sb="7" eb="8">
      <t>ハラ</t>
    </rPh>
    <phoneticPr fontId="2"/>
  </si>
  <si>
    <t>第080007号</t>
    <rPh sb="0" eb="1">
      <t>ダイ</t>
    </rPh>
    <rPh sb="7" eb="8">
      <t>ゴウ</t>
    </rPh>
    <phoneticPr fontId="1"/>
  </si>
  <si>
    <t>愛甲郡愛川町半原4065</t>
    <rPh sb="0" eb="3">
      <t>アイコウグン</t>
    </rPh>
    <phoneticPr fontId="1"/>
  </si>
  <si>
    <t>第080021号</t>
    <rPh sb="0" eb="1">
      <t>ダイ</t>
    </rPh>
    <rPh sb="7" eb="8">
      <t>ゴウ</t>
    </rPh>
    <phoneticPr fontId="1"/>
  </si>
  <si>
    <t>愛甲郡愛川町半原914</t>
    <rPh sb="0" eb="3">
      <t>アイコウグン</t>
    </rPh>
    <phoneticPr fontId="1"/>
  </si>
  <si>
    <t>第080046号</t>
    <rPh sb="0" eb="1">
      <t>ダイ</t>
    </rPh>
    <rPh sb="7" eb="8">
      <t>ゴウ</t>
    </rPh>
    <phoneticPr fontId="1"/>
  </si>
  <si>
    <t>有限会社　旅館川正別館</t>
    <rPh sb="9" eb="11">
      <t>ベッカン</t>
    </rPh>
    <phoneticPr fontId="2"/>
  </si>
  <si>
    <t>愛甲郡愛川町八菅山257</t>
    <rPh sb="0" eb="3">
      <t>アイコウグン</t>
    </rPh>
    <phoneticPr fontId="2"/>
  </si>
  <si>
    <t>第080005号</t>
    <rPh sb="0" eb="1">
      <t>ダイ</t>
    </rPh>
    <rPh sb="7" eb="8">
      <t>ゴウ</t>
    </rPh>
    <phoneticPr fontId="1"/>
  </si>
  <si>
    <t>有限会社　旅館川正</t>
    <rPh sb="0" eb="4">
      <t>ユウゲンガイシャ</t>
    </rPh>
    <rPh sb="5" eb="7">
      <t>リョカン</t>
    </rPh>
    <phoneticPr fontId="2"/>
  </si>
  <si>
    <t>第080080号</t>
    <rPh sb="0" eb="1">
      <t>ダイ</t>
    </rPh>
    <rPh sb="7" eb="8">
      <t>ゴウ</t>
    </rPh>
    <phoneticPr fontId="1"/>
  </si>
  <si>
    <t>愛甲郡清川村煤ヶ谷4513-1</t>
    <rPh sb="0" eb="3">
      <t>アイコウグン</t>
    </rPh>
    <rPh sb="3" eb="6">
      <t>キヨカワムラ</t>
    </rPh>
    <rPh sb="6" eb="7">
      <t>スス</t>
    </rPh>
    <rPh sb="8" eb="9">
      <t>ヤ</t>
    </rPh>
    <phoneticPr fontId="1"/>
  </si>
  <si>
    <t>第080009号</t>
    <rPh sb="0" eb="1">
      <t>ダイ</t>
    </rPh>
    <rPh sb="7" eb="8">
      <t>ゴウ</t>
    </rPh>
    <phoneticPr fontId="1"/>
  </si>
  <si>
    <t>株式会社　東丹沢山荘　伸光館</t>
    <rPh sb="0" eb="4">
      <t>カブシキガイシャ</t>
    </rPh>
    <phoneticPr fontId="1"/>
  </si>
  <si>
    <t>愛甲郡清川村煤ヶ谷3090</t>
    <rPh sb="0" eb="3">
      <t>アイコウグン</t>
    </rPh>
    <phoneticPr fontId="1"/>
  </si>
  <si>
    <t>第080085号</t>
    <rPh sb="0" eb="1">
      <t>ダイ</t>
    </rPh>
    <rPh sb="7" eb="8">
      <t>ゴウ</t>
    </rPh>
    <phoneticPr fontId="1"/>
  </si>
  <si>
    <t>企業組合　丹沢ホーム　札掛森の家</t>
    <rPh sb="0" eb="2">
      <t>キギョウ</t>
    </rPh>
    <rPh sb="2" eb="4">
      <t>クミアイ</t>
    </rPh>
    <rPh sb="5" eb="7">
      <t>タンザワ</t>
    </rPh>
    <rPh sb="11" eb="12">
      <t>フダ</t>
    </rPh>
    <rPh sb="12" eb="13">
      <t>カケ</t>
    </rPh>
    <rPh sb="13" eb="14">
      <t>モリ</t>
    </rPh>
    <rPh sb="15" eb="16">
      <t>イエ</t>
    </rPh>
    <phoneticPr fontId="1"/>
  </si>
  <si>
    <t>愛甲郡清川村煤ヶ谷5172</t>
    <rPh sb="0" eb="3">
      <t>アイコウグン</t>
    </rPh>
    <rPh sb="3" eb="6">
      <t>キヨカワムラ</t>
    </rPh>
    <rPh sb="6" eb="7">
      <t>スス</t>
    </rPh>
    <rPh sb="8" eb="9">
      <t>ヤ</t>
    </rPh>
    <phoneticPr fontId="1"/>
  </si>
  <si>
    <t>第080034号</t>
    <rPh sb="0" eb="1">
      <t>ダイ</t>
    </rPh>
    <rPh sb="7" eb="8">
      <t>ゴウ</t>
    </rPh>
    <phoneticPr fontId="1"/>
  </si>
  <si>
    <t>新家</t>
    <rPh sb="1" eb="2">
      <t>イエ</t>
    </rPh>
    <phoneticPr fontId="2"/>
  </si>
  <si>
    <t>愛甲郡清川村煤ヶ谷5172</t>
    <rPh sb="0" eb="3">
      <t>アイコウグン</t>
    </rPh>
    <phoneticPr fontId="2"/>
  </si>
  <si>
    <t>第080042号</t>
    <rPh sb="0" eb="1">
      <t>ダイ</t>
    </rPh>
    <rPh sb="7" eb="8">
      <t>ゴウ</t>
    </rPh>
    <phoneticPr fontId="1"/>
  </si>
  <si>
    <t>国民宿舎　丹沢ホーム</t>
    <phoneticPr fontId="1"/>
  </si>
  <si>
    <t>愛甲郡清川村煤ヶ谷5172</t>
    <rPh sb="0" eb="3">
      <t>アイコウグン</t>
    </rPh>
    <phoneticPr fontId="1"/>
  </si>
  <si>
    <t>第080032号</t>
    <rPh sb="0" eb="1">
      <t>ダイ</t>
    </rPh>
    <rPh sb="7" eb="8">
      <t>ゴウ</t>
    </rPh>
    <phoneticPr fontId="1"/>
  </si>
  <si>
    <t>宮ヶ瀬Resort 旅館みはる</t>
    <phoneticPr fontId="1"/>
  </si>
  <si>
    <t>愛甲郡清川村宮ヶ瀬940-16</t>
    <rPh sb="0" eb="3">
      <t>アイコウグン</t>
    </rPh>
    <phoneticPr fontId="1"/>
  </si>
  <si>
    <t>第080040号</t>
    <rPh sb="0" eb="1">
      <t>ダイ</t>
    </rPh>
    <rPh sb="7" eb="8">
      <t>ゴウ</t>
    </rPh>
    <phoneticPr fontId="1"/>
  </si>
  <si>
    <t>愛甲郡清川村宮ヶ瀬940-17</t>
    <rPh sb="0" eb="3">
      <t>アイコウグン</t>
    </rPh>
    <phoneticPr fontId="1"/>
  </si>
  <si>
    <t>第080087号</t>
    <rPh sb="0" eb="1">
      <t>ダイ</t>
    </rPh>
    <rPh sb="7" eb="8">
      <t>ゴウ</t>
    </rPh>
    <phoneticPr fontId="1"/>
  </si>
  <si>
    <t>ＧＬＯＣＡＬ　宮ヶ瀬</t>
    <rPh sb="7" eb="8">
      <t>ミヤ</t>
    </rPh>
    <rPh sb="9" eb="10">
      <t>セ</t>
    </rPh>
    <phoneticPr fontId="1"/>
  </si>
  <si>
    <t>愛甲郡清川村宮ヶ瀬971-39</t>
    <rPh sb="0" eb="3">
      <t>アイコウグン</t>
    </rPh>
    <rPh sb="3" eb="6">
      <t>キヨカワムラ</t>
    </rPh>
    <rPh sb="6" eb="7">
      <t>ミヤ</t>
    </rPh>
    <rPh sb="8" eb="9">
      <t>セ</t>
    </rPh>
    <phoneticPr fontId="1"/>
  </si>
  <si>
    <t>第080050号</t>
    <rPh sb="0" eb="1">
      <t>ダイ</t>
    </rPh>
    <rPh sb="7" eb="8">
      <t>ゴウ</t>
    </rPh>
    <phoneticPr fontId="1"/>
  </si>
  <si>
    <t>愛甲郡清川村宮ヶ瀬1644-1</t>
    <rPh sb="0" eb="3">
      <t>アイコウグン</t>
    </rPh>
    <phoneticPr fontId="2"/>
  </si>
  <si>
    <t>第080054号</t>
    <rPh sb="0" eb="1">
      <t>ダイ</t>
    </rPh>
    <rPh sb="7" eb="8">
      <t>ゴウ</t>
    </rPh>
    <phoneticPr fontId="1"/>
  </si>
  <si>
    <t>愛甲郡清川村宮ヶ瀬1701-1</t>
    <rPh sb="0" eb="3">
      <t>アイコウグン</t>
    </rPh>
    <phoneticPr fontId="2"/>
  </si>
  <si>
    <t>第080062号</t>
    <rPh sb="0" eb="1">
      <t>ダイ</t>
    </rPh>
    <rPh sb="7" eb="8">
      <t>ゴウ</t>
    </rPh>
    <phoneticPr fontId="1"/>
  </si>
  <si>
    <t>丹沢山・みやま山荘</t>
    <rPh sb="0" eb="2">
      <t>タンザワ</t>
    </rPh>
    <rPh sb="2" eb="3">
      <t>ヤマ</t>
    </rPh>
    <phoneticPr fontId="2"/>
  </si>
  <si>
    <t>愛甲郡清川村宮ヶ瀬1761</t>
    <rPh sb="0" eb="3">
      <t>アイコウグン</t>
    </rPh>
    <rPh sb="6" eb="7">
      <t>ミヤ</t>
    </rPh>
    <rPh sb="8" eb="9">
      <t>セ</t>
    </rPh>
    <phoneticPr fontId="2"/>
  </si>
  <si>
    <t>ホテル　ホヌ</t>
    <phoneticPr fontId="2"/>
  </si>
  <si>
    <t>ホテルエイジア</t>
    <phoneticPr fontId="2"/>
  </si>
  <si>
    <t>ヴェラーチェ</t>
    <phoneticPr fontId="2"/>
  </si>
  <si>
    <t>ゴルフⅡ</t>
    <phoneticPr fontId="2"/>
  </si>
  <si>
    <t>厚木市栄町1-9-4</t>
    <phoneticPr fontId="1"/>
  </si>
  <si>
    <t>厚木市中町2-3-1</t>
    <phoneticPr fontId="2"/>
  </si>
  <si>
    <t>レンブラントホテル厚木</t>
    <phoneticPr fontId="2"/>
  </si>
  <si>
    <t>厚木市七沢1751</t>
    <phoneticPr fontId="1"/>
  </si>
  <si>
    <t>厚木市立七沢自然ふれあいセンター</t>
    <phoneticPr fontId="2"/>
  </si>
  <si>
    <t>元湯玉川館</t>
    <phoneticPr fontId="2"/>
  </si>
  <si>
    <t>厚木市温水15-1</t>
    <phoneticPr fontId="1"/>
  </si>
  <si>
    <t>ジュリア</t>
    <phoneticPr fontId="2"/>
  </si>
  <si>
    <t>ホテルGOLFⅢ</t>
    <phoneticPr fontId="2"/>
  </si>
  <si>
    <t>Think・Hotel・Think</t>
    <phoneticPr fontId="2"/>
  </si>
  <si>
    <t>海老名市上郷3-13-43</t>
    <phoneticPr fontId="2"/>
  </si>
  <si>
    <t>エクシー</t>
    <phoneticPr fontId="2"/>
  </si>
  <si>
    <t>ホテル　エビナ</t>
    <phoneticPr fontId="2"/>
  </si>
  <si>
    <t>レンブラントホテル海老名</t>
    <phoneticPr fontId="2"/>
  </si>
  <si>
    <t>海老名市中央2-5-52</t>
    <phoneticPr fontId="1"/>
  </si>
  <si>
    <t>第080088号</t>
    <rPh sb="0" eb="1">
      <t>ダイ</t>
    </rPh>
    <rPh sb="7" eb="8">
      <t>ゴウ</t>
    </rPh>
    <phoneticPr fontId="1"/>
  </si>
  <si>
    <t>東横ＩＮＮ海老名駅東口</t>
  </si>
  <si>
    <t>第080089号</t>
    <rPh sb="0" eb="1">
      <t>ダイ</t>
    </rPh>
    <rPh sb="7" eb="8">
      <t>ゴウ</t>
    </rPh>
    <phoneticPr fontId="1"/>
  </si>
  <si>
    <t>第080090号</t>
    <rPh sb="0" eb="1">
      <t>ダイ</t>
    </rPh>
    <rPh sb="7" eb="8">
      <t>ゴウ</t>
    </rPh>
    <phoneticPr fontId="1"/>
  </si>
  <si>
    <t>No</t>
    <phoneticPr fontId="1"/>
  </si>
  <si>
    <t>レンブラントスタイル本厚木</t>
    <phoneticPr fontId="1"/>
  </si>
  <si>
    <t>厚木市中町2-1-6</t>
    <phoneticPr fontId="1"/>
  </si>
  <si>
    <t>第080091号</t>
    <rPh sb="0" eb="1">
      <t>ダイ</t>
    </rPh>
    <rPh sb="7" eb="8">
      <t>ゴウ</t>
    </rPh>
    <phoneticPr fontId="1"/>
  </si>
  <si>
    <t>吉豊ホテル</t>
    <phoneticPr fontId="1"/>
  </si>
  <si>
    <t>座間市広野台1-50-1</t>
    <phoneticPr fontId="1"/>
  </si>
  <si>
    <t>第080092号</t>
    <rPh sb="0" eb="1">
      <t>ダイ</t>
    </rPh>
    <rPh sb="7" eb="8">
      <t>ゴウ</t>
    </rPh>
    <phoneticPr fontId="1"/>
  </si>
  <si>
    <t>ＨＯＴＥＬ　ＴＩＭＥ</t>
    <phoneticPr fontId="1"/>
  </si>
  <si>
    <t>観泉荘こまや</t>
    <phoneticPr fontId="1"/>
  </si>
  <si>
    <t>愛甲郡清川村宮ヶ瀬９７１－２０</t>
    <phoneticPr fontId="1"/>
  </si>
  <si>
    <t>宮ヶ瀬手しごとの家</t>
    <phoneticPr fontId="1"/>
  </si>
  <si>
    <t>第080094号</t>
    <phoneticPr fontId="1"/>
  </si>
  <si>
    <t>愛甲郡清川村煤ヶ谷1623</t>
    <phoneticPr fontId="1"/>
  </si>
  <si>
    <t>別所森のコテージ 花の木</t>
    <phoneticPr fontId="1"/>
  </si>
  <si>
    <t>第080095号</t>
    <phoneticPr fontId="1"/>
  </si>
  <si>
    <t>ホテルクイーンズタウンパート３</t>
  </si>
  <si>
    <t>清川リバーランド</t>
    <phoneticPr fontId="1"/>
  </si>
  <si>
    <t>愛甲郡清川村煤ヶ谷２４５０</t>
    <phoneticPr fontId="1"/>
  </si>
  <si>
    <t>第080096号</t>
    <rPh sb="0" eb="1">
      <t>ダイ</t>
    </rPh>
    <rPh sb="7" eb="8">
      <t>ゴウ</t>
    </rPh>
    <phoneticPr fontId="1"/>
  </si>
  <si>
    <t>ＳＥＴＴＩＮＧ　ＴＨＥ　ＳＣＥＮＥ　厚木店</t>
    <phoneticPr fontId="1"/>
  </si>
  <si>
    <t>厚木市岡田３－１１－１１</t>
    <rPh sb="0" eb="2">
      <t>アツギ</t>
    </rPh>
    <rPh sb="2" eb="3">
      <t>シ</t>
    </rPh>
    <phoneticPr fontId="1"/>
  </si>
  <si>
    <t>第080097号</t>
    <rPh sb="0" eb="1">
      <t>ダイ</t>
    </rPh>
    <rPh sb="7" eb="8">
      <t>ゴウ</t>
    </rPh>
    <phoneticPr fontId="1"/>
  </si>
  <si>
    <t>ホテルマイステイズ厚木</t>
    <phoneticPr fontId="1"/>
  </si>
  <si>
    <t>第080098号</t>
    <rPh sb="0" eb="1">
      <t>ダイ</t>
    </rPh>
    <rPh sb="7" eb="8">
      <t>ゴウ</t>
    </rPh>
    <phoneticPr fontId="1"/>
  </si>
  <si>
    <t>厚木市七沢１８３０番地</t>
    <rPh sb="0" eb="3">
      <t>アツギシ</t>
    </rPh>
    <phoneticPr fontId="1"/>
  </si>
  <si>
    <t>第080099号</t>
    <rPh sb="0" eb="1">
      <t>ダイ</t>
    </rPh>
    <rPh sb="7" eb="8">
      <t>ゴウ</t>
    </rPh>
    <phoneticPr fontId="1"/>
  </si>
  <si>
    <t>七扇</t>
    <rPh sb="1" eb="2">
      <t>オウギ</t>
    </rPh>
    <phoneticPr fontId="2"/>
  </si>
  <si>
    <t>海老名市中新田3290-1</t>
    <rPh sb="0" eb="4">
      <t>エビナシ</t>
    </rPh>
    <phoneticPr fontId="1"/>
  </si>
  <si>
    <t>WEINS PARK U-BASE CAMP</t>
    <phoneticPr fontId="1"/>
  </si>
  <si>
    <t>第080100号</t>
    <rPh sb="0" eb="1">
      <t>ダイ</t>
    </rPh>
    <rPh sb="7" eb="8">
      <t>ゴウ</t>
    </rPh>
    <phoneticPr fontId="1"/>
  </si>
  <si>
    <t>SARA　ＧＡＲＤＥＮ</t>
    <phoneticPr fontId="1"/>
  </si>
  <si>
    <t>愛甲郡愛川町中津3367-7</t>
    <rPh sb="0" eb="3">
      <t>アイコウグン</t>
    </rPh>
    <phoneticPr fontId="1"/>
  </si>
  <si>
    <t>第080101号</t>
    <rPh sb="0" eb="1">
      <t>ダイ</t>
    </rPh>
    <rPh sb="7" eb="8">
      <t>ゴウ</t>
    </rPh>
    <phoneticPr fontId="1"/>
  </si>
  <si>
    <t>３Ｓ　ＨＯＴＥＬ　ＡＴＳＵＧＩ</t>
    <phoneticPr fontId="2"/>
  </si>
  <si>
    <t>愛甲郡愛川町半原６３８５</t>
    <rPh sb="0" eb="6">
      <t>アイコウグンアイカワマチ</t>
    </rPh>
    <phoneticPr fontId="1"/>
  </si>
  <si>
    <t>ＧＬＯＣＥ半原リバーサイドテラス</t>
    <phoneticPr fontId="1"/>
  </si>
  <si>
    <t>第080102号</t>
    <phoneticPr fontId="1"/>
  </si>
  <si>
    <t>割烹旅館　大進館極</t>
    <rPh sb="0" eb="2">
      <t>カッポウ</t>
    </rPh>
    <rPh sb="2" eb="4">
      <t>リョカン</t>
    </rPh>
    <rPh sb="5" eb="6">
      <t>オオ</t>
    </rPh>
    <rPh sb="6" eb="7">
      <t>ススム</t>
    </rPh>
    <rPh sb="7" eb="8">
      <t>ヤカタ</t>
    </rPh>
    <rPh sb="8" eb="9">
      <t>キワ</t>
    </rPh>
    <phoneticPr fontId="1"/>
  </si>
  <si>
    <t>かぶと湯温泉　山水楼</t>
    <phoneticPr fontId="1"/>
  </si>
  <si>
    <t>愛甲郡愛川町半原１９４１－１</t>
    <rPh sb="0" eb="3">
      <t>アイコウグン</t>
    </rPh>
    <rPh sb="3" eb="5">
      <t>アイカワ</t>
    </rPh>
    <rPh sb="5" eb="6">
      <t>マチ</t>
    </rPh>
    <phoneticPr fontId="1"/>
  </si>
  <si>
    <t>ＰＲＩＶＡＴＥ　ＶＩＬＬＡ　ＡＩＫＡＷＡ</t>
    <phoneticPr fontId="1"/>
  </si>
  <si>
    <t>第080103号</t>
    <phoneticPr fontId="1"/>
  </si>
  <si>
    <t>厚木市七沢１９１７</t>
    <rPh sb="0" eb="3">
      <t>アツギシ</t>
    </rPh>
    <phoneticPr fontId="1"/>
  </si>
  <si>
    <t>ＡＢＩＲＵ　ＨＯＴＥＬ　ＡＴＳＵＧＩ</t>
    <phoneticPr fontId="1"/>
  </si>
  <si>
    <t>第080104号</t>
    <phoneticPr fontId="1"/>
  </si>
  <si>
    <t>旅館業法許可施設一覧(令和７年12月31日現在)　　厚木保健福祉事務所所管域（厚木市、海老名市、座間市、愛川町、清川村）</t>
    <rPh sb="0" eb="4">
      <t>リョカンギョウホウ</t>
    </rPh>
    <rPh sb="4" eb="6">
      <t>キョカ</t>
    </rPh>
    <rPh sb="6" eb="8">
      <t>シセツ</t>
    </rPh>
    <rPh sb="8" eb="10">
      <t>イチラン</t>
    </rPh>
    <rPh sb="14" eb="15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  <scheme val="minor"/>
    </font>
    <font>
      <sz val="14"/>
      <name val="ＭＳ 明朝"/>
      <family val="2"/>
      <charset val="128"/>
    </font>
    <font>
      <sz val="12"/>
      <name val="ＭＳ 明朝"/>
      <family val="2"/>
      <charset val="128"/>
    </font>
    <font>
      <sz val="11"/>
      <color indexed="8"/>
      <name val="ＭＳ Ｐゴシック"/>
      <family val="3"/>
      <charset val="128"/>
    </font>
    <font>
      <sz val="16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4"/>
      <color rgb="FFFF0000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3" fillId="0" borderId="0"/>
  </cellStyleXfs>
  <cellXfs count="14">
    <xf numFmtId="0" fontId="0" fillId="0" borderId="0" xfId="0">
      <alignment vertical="center"/>
    </xf>
    <xf numFmtId="0" fontId="5" fillId="0" borderId="1" xfId="0" applyFont="1" applyFill="1" applyBorder="1" applyAlignment="1">
      <alignment vertical="center" shrinkToFit="1"/>
    </xf>
    <xf numFmtId="0" fontId="5" fillId="0" borderId="1" xfId="0" applyFont="1" applyFill="1" applyBorder="1" applyAlignment="1">
      <alignment horizontal="left" vertical="center" shrinkToFit="1"/>
    </xf>
    <xf numFmtId="0" fontId="5" fillId="2" borderId="1" xfId="0" applyFont="1" applyFill="1" applyBorder="1" applyAlignment="1">
      <alignment horizontal="center" vertical="center" shrinkToFit="1"/>
    </xf>
    <xf numFmtId="0" fontId="4" fillId="0" borderId="1" xfId="0" applyFont="1" applyFill="1" applyBorder="1" applyAlignment="1">
      <alignment horizontal="left" vertical="center" shrinkToFit="1"/>
    </xf>
    <xf numFmtId="0" fontId="7" fillId="0" borderId="0" xfId="0" applyFont="1" applyFill="1" applyBorder="1" applyAlignment="1">
      <alignment vertical="center" shrinkToFit="1"/>
    </xf>
    <xf numFmtId="0" fontId="5" fillId="0" borderId="0" xfId="0" applyFont="1" applyFill="1" applyBorder="1" applyAlignment="1">
      <alignment vertical="center" shrinkToFit="1"/>
    </xf>
    <xf numFmtId="0" fontId="6" fillId="0" borderId="0" xfId="0" applyFont="1" applyFill="1" applyBorder="1" applyAlignment="1">
      <alignment vertical="center" shrinkToFit="1"/>
    </xf>
    <xf numFmtId="0" fontId="10" fillId="0" borderId="0" xfId="0" applyFont="1" applyFill="1" applyBorder="1" applyAlignment="1">
      <alignment vertical="center" shrinkToFit="1"/>
    </xf>
    <xf numFmtId="58" fontId="5" fillId="0" borderId="1" xfId="0" applyNumberFormat="1" applyFont="1" applyFill="1" applyBorder="1" applyAlignment="1">
      <alignment horizontal="left" vertical="center" shrinkToFit="1"/>
    </xf>
    <xf numFmtId="58" fontId="4" fillId="0" borderId="1" xfId="0" applyNumberFormat="1" applyFont="1" applyFill="1" applyBorder="1" applyAlignment="1">
      <alignment horizontal="left" vertical="center" shrinkToFit="1"/>
    </xf>
    <xf numFmtId="0" fontId="11" fillId="0" borderId="0" xfId="0" applyFont="1" applyFill="1" applyBorder="1" applyAlignment="1">
      <alignment vertical="center" shrinkToFit="1"/>
    </xf>
    <xf numFmtId="0" fontId="9" fillId="0" borderId="0" xfId="0" applyFont="1" applyFill="1" applyBorder="1" applyAlignment="1">
      <alignment horizontal="center" vertical="center" wrapText="1" shrinkToFit="1"/>
    </xf>
    <xf numFmtId="0" fontId="9" fillId="0" borderId="0" xfId="0" applyFont="1" applyFill="1" applyBorder="1" applyAlignment="1">
      <alignment horizontal="center" vertical="center" shrinkToFit="1"/>
    </xf>
  </cellXfs>
  <cellStyles count="2">
    <cellStyle name="標準" xfId="0" builtinId="0"/>
    <cellStyle name="標準 2" xfId="1" xr:uid="{00000000-0005-0000-0000-000002000000}"/>
  </cellStyles>
  <dxfs count="0"/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7">
    <pageSetUpPr fitToPage="1"/>
  </sheetPr>
  <dimension ref="A1:E90"/>
  <sheetViews>
    <sheetView tabSelected="1" view="pageBreakPreview" zoomScale="60" zoomScaleNormal="100" workbookViewId="0">
      <pane ySplit="2" topLeftCell="A3" activePane="bottomLeft" state="frozen"/>
      <selection sqref="A1:D1"/>
      <selection pane="bottomLeft" activeCell="D15" sqref="D15"/>
    </sheetView>
  </sheetViews>
  <sheetFormatPr defaultColWidth="9" defaultRowHeight="23.1" customHeight="1"/>
  <cols>
    <col min="1" max="1" width="4.19921875" style="6" bestFit="1" customWidth="1"/>
    <col min="2" max="2" width="17.09765625" style="8" customWidth="1"/>
    <col min="3" max="3" width="54.59765625" style="8" customWidth="1"/>
    <col min="4" max="4" width="62.59765625" style="8" customWidth="1"/>
    <col min="5" max="5" width="14.3984375" style="8" customWidth="1"/>
    <col min="6" max="6" width="12.69921875" style="5" customWidth="1"/>
    <col min="7" max="16384" width="9" style="5"/>
  </cols>
  <sheetData>
    <row r="1" spans="1:5" ht="21.6" customHeight="1">
      <c r="A1" s="12" t="s">
        <v>267</v>
      </c>
      <c r="B1" s="13"/>
      <c r="C1" s="13"/>
      <c r="D1" s="13"/>
      <c r="E1" s="13"/>
    </row>
    <row r="2" spans="1:5" ht="23.1" customHeight="1">
      <c r="A2" s="3" t="s">
        <v>222</v>
      </c>
      <c r="B2" s="3" t="s">
        <v>54</v>
      </c>
      <c r="C2" s="3" t="s">
        <v>0</v>
      </c>
      <c r="D2" s="3" t="s">
        <v>1</v>
      </c>
      <c r="E2" s="3" t="s">
        <v>2</v>
      </c>
    </row>
    <row r="3" spans="1:5" s="7" customFormat="1" ht="23.1" customHeight="1">
      <c r="A3" s="1">
        <v>1</v>
      </c>
      <c r="B3" s="9" t="s">
        <v>56</v>
      </c>
      <c r="C3" s="2" t="s">
        <v>57</v>
      </c>
      <c r="D3" s="2" t="s">
        <v>58</v>
      </c>
      <c r="E3" s="2" t="s">
        <v>59</v>
      </c>
    </row>
    <row r="4" spans="1:5" s="7" customFormat="1" ht="23.1" customHeight="1">
      <c r="A4" s="1">
        <v>2</v>
      </c>
      <c r="B4" s="9" t="s">
        <v>60</v>
      </c>
      <c r="C4" s="2" t="s">
        <v>61</v>
      </c>
      <c r="D4" s="2" t="s">
        <v>62</v>
      </c>
      <c r="E4" s="2" t="s">
        <v>3</v>
      </c>
    </row>
    <row r="5" spans="1:5" s="7" customFormat="1" ht="23.1" customHeight="1">
      <c r="A5" s="1">
        <v>3</v>
      </c>
      <c r="B5" s="9" t="s">
        <v>63</v>
      </c>
      <c r="C5" s="2" t="s">
        <v>7</v>
      </c>
      <c r="D5" s="2" t="s">
        <v>8</v>
      </c>
      <c r="E5" s="2" t="s">
        <v>59</v>
      </c>
    </row>
    <row r="6" spans="1:5" s="7" customFormat="1" ht="23.1" customHeight="1">
      <c r="A6" s="1">
        <v>4</v>
      </c>
      <c r="B6" s="9" t="s">
        <v>64</v>
      </c>
      <c r="C6" s="2" t="s">
        <v>65</v>
      </c>
      <c r="D6" s="2" t="s">
        <v>66</v>
      </c>
      <c r="E6" s="2" t="s">
        <v>59</v>
      </c>
    </row>
    <row r="7" spans="1:5" s="7" customFormat="1" ht="23.1" customHeight="1">
      <c r="A7" s="1">
        <v>5</v>
      </c>
      <c r="B7" s="9" t="s">
        <v>67</v>
      </c>
      <c r="C7" s="2" t="s">
        <v>68</v>
      </c>
      <c r="D7" s="2" t="s">
        <v>69</v>
      </c>
      <c r="E7" s="2" t="s">
        <v>59</v>
      </c>
    </row>
    <row r="8" spans="1:5" s="7" customFormat="1" ht="23.1" customHeight="1">
      <c r="A8" s="1">
        <v>6</v>
      </c>
      <c r="B8" s="9" t="s">
        <v>70</v>
      </c>
      <c r="C8" s="2" t="s">
        <v>255</v>
      </c>
      <c r="D8" s="2" t="s">
        <v>71</v>
      </c>
      <c r="E8" s="2" t="s">
        <v>59</v>
      </c>
    </row>
    <row r="9" spans="1:5" s="7" customFormat="1" ht="23.1" customHeight="1">
      <c r="A9" s="1">
        <v>7</v>
      </c>
      <c r="B9" s="9" t="s">
        <v>72</v>
      </c>
      <c r="C9" s="2" t="s">
        <v>4</v>
      </c>
      <c r="D9" s="2" t="s">
        <v>10</v>
      </c>
      <c r="E9" s="2" t="s">
        <v>59</v>
      </c>
    </row>
    <row r="10" spans="1:5" s="7" customFormat="1" ht="23.1" customHeight="1">
      <c r="A10" s="1">
        <v>8</v>
      </c>
      <c r="B10" s="9" t="s">
        <v>73</v>
      </c>
      <c r="C10" s="2" t="s">
        <v>237</v>
      </c>
      <c r="D10" s="2" t="s">
        <v>11</v>
      </c>
      <c r="E10" s="2" t="s">
        <v>59</v>
      </c>
    </row>
    <row r="11" spans="1:5" s="7" customFormat="1" ht="23.1" customHeight="1">
      <c r="A11" s="1">
        <v>9</v>
      </c>
      <c r="B11" s="9" t="s">
        <v>74</v>
      </c>
      <c r="C11" s="2" t="s">
        <v>75</v>
      </c>
      <c r="D11" s="2" t="s">
        <v>12</v>
      </c>
      <c r="E11" s="2" t="s">
        <v>59</v>
      </c>
    </row>
    <row r="12" spans="1:5" s="7" customFormat="1" ht="23.1" customHeight="1">
      <c r="A12" s="1">
        <v>10</v>
      </c>
      <c r="B12" s="9" t="s">
        <v>76</v>
      </c>
      <c r="C12" s="2" t="s">
        <v>77</v>
      </c>
      <c r="D12" s="2" t="s">
        <v>9</v>
      </c>
      <c r="E12" s="2" t="s">
        <v>59</v>
      </c>
    </row>
    <row r="13" spans="1:5" s="7" customFormat="1" ht="23.1" customHeight="1">
      <c r="A13" s="1">
        <v>11</v>
      </c>
      <c r="B13" s="9" t="s">
        <v>78</v>
      </c>
      <c r="C13" s="2" t="s">
        <v>229</v>
      </c>
      <c r="D13" s="2" t="s">
        <v>18</v>
      </c>
      <c r="E13" s="2" t="s">
        <v>59</v>
      </c>
    </row>
    <row r="14" spans="1:5" s="7" customFormat="1" ht="23.1" customHeight="1">
      <c r="A14" s="1">
        <v>12</v>
      </c>
      <c r="B14" s="9" t="s">
        <v>79</v>
      </c>
      <c r="C14" s="2" t="s">
        <v>199</v>
      </c>
      <c r="D14" s="2" t="s">
        <v>19</v>
      </c>
      <c r="E14" s="2" t="s">
        <v>59</v>
      </c>
    </row>
    <row r="15" spans="1:5" s="7" customFormat="1" ht="23.1" customHeight="1">
      <c r="A15" s="1">
        <v>13</v>
      </c>
      <c r="B15" s="9" t="s">
        <v>80</v>
      </c>
      <c r="C15" s="2" t="s">
        <v>200</v>
      </c>
      <c r="D15" s="2" t="s">
        <v>20</v>
      </c>
      <c r="E15" s="2" t="s">
        <v>59</v>
      </c>
    </row>
    <row r="16" spans="1:5" s="7" customFormat="1" ht="23.1" customHeight="1">
      <c r="A16" s="1">
        <v>14</v>
      </c>
      <c r="B16" s="9" t="s">
        <v>81</v>
      </c>
      <c r="C16" s="2" t="s">
        <v>82</v>
      </c>
      <c r="D16" s="2" t="s">
        <v>21</v>
      </c>
      <c r="E16" s="2" t="s">
        <v>59</v>
      </c>
    </row>
    <row r="17" spans="1:5" s="7" customFormat="1" ht="23.1" customHeight="1">
      <c r="A17" s="1">
        <v>15</v>
      </c>
      <c r="B17" s="9" t="s">
        <v>83</v>
      </c>
      <c r="C17" s="2" t="s">
        <v>84</v>
      </c>
      <c r="D17" s="2" t="s">
        <v>22</v>
      </c>
      <c r="E17" s="2" t="s">
        <v>59</v>
      </c>
    </row>
    <row r="18" spans="1:5" s="7" customFormat="1" ht="23.1" customHeight="1">
      <c r="A18" s="1">
        <v>16</v>
      </c>
      <c r="B18" s="9" t="s">
        <v>85</v>
      </c>
      <c r="C18" s="2" t="s">
        <v>86</v>
      </c>
      <c r="D18" s="2" t="s">
        <v>87</v>
      </c>
      <c r="E18" s="2" t="s">
        <v>59</v>
      </c>
    </row>
    <row r="19" spans="1:5" s="7" customFormat="1" ht="23.1" customHeight="1">
      <c r="A19" s="1">
        <v>17</v>
      </c>
      <c r="B19" s="9" t="s">
        <v>243</v>
      </c>
      <c r="C19" s="2" t="s">
        <v>241</v>
      </c>
      <c r="D19" s="2" t="s">
        <v>242</v>
      </c>
      <c r="E19" s="2" t="s">
        <v>55</v>
      </c>
    </row>
    <row r="20" spans="1:5" s="7" customFormat="1" ht="23.1" customHeight="1">
      <c r="A20" s="1">
        <v>18</v>
      </c>
      <c r="B20" s="9" t="s">
        <v>88</v>
      </c>
      <c r="C20" s="2" t="s">
        <v>89</v>
      </c>
      <c r="D20" s="2" t="s">
        <v>13</v>
      </c>
      <c r="E20" s="2" t="s">
        <v>59</v>
      </c>
    </row>
    <row r="21" spans="1:5" s="7" customFormat="1" ht="23.1" customHeight="1">
      <c r="A21" s="1">
        <v>19</v>
      </c>
      <c r="B21" s="9" t="s">
        <v>90</v>
      </c>
      <c r="C21" s="2" t="s">
        <v>14</v>
      </c>
      <c r="D21" s="2" t="s">
        <v>15</v>
      </c>
      <c r="E21" s="2" t="s">
        <v>59</v>
      </c>
    </row>
    <row r="22" spans="1:5" s="7" customFormat="1" ht="23.1" customHeight="1">
      <c r="A22" s="1">
        <v>20</v>
      </c>
      <c r="B22" s="9" t="s">
        <v>91</v>
      </c>
      <c r="C22" s="2" t="s">
        <v>92</v>
      </c>
      <c r="D22" s="2" t="s">
        <v>17</v>
      </c>
      <c r="E22" s="2" t="s">
        <v>59</v>
      </c>
    </row>
    <row r="23" spans="1:5" s="7" customFormat="1" ht="23.1" customHeight="1">
      <c r="A23" s="1">
        <v>21</v>
      </c>
      <c r="B23" s="9" t="s">
        <v>93</v>
      </c>
      <c r="C23" s="2" t="s">
        <v>94</v>
      </c>
      <c r="D23" s="2" t="s">
        <v>17</v>
      </c>
      <c r="E23" s="2" t="s">
        <v>59</v>
      </c>
    </row>
    <row r="24" spans="1:5" s="7" customFormat="1" ht="23.1" customHeight="1">
      <c r="A24" s="1">
        <v>22</v>
      </c>
      <c r="B24" s="9" t="s">
        <v>95</v>
      </c>
      <c r="C24" s="2" t="s">
        <v>201</v>
      </c>
      <c r="D24" s="2" t="s">
        <v>16</v>
      </c>
      <c r="E24" s="2" t="s">
        <v>59</v>
      </c>
    </row>
    <row r="25" spans="1:5" s="7" customFormat="1" ht="23.1" customHeight="1">
      <c r="A25" s="1">
        <v>23</v>
      </c>
      <c r="B25" s="9" t="s">
        <v>96</v>
      </c>
      <c r="C25" s="2" t="s">
        <v>97</v>
      </c>
      <c r="D25" s="2" t="s">
        <v>98</v>
      </c>
      <c r="E25" s="2" t="s">
        <v>59</v>
      </c>
    </row>
    <row r="26" spans="1:5" s="7" customFormat="1" ht="23.1" customHeight="1">
      <c r="A26" s="1">
        <v>24</v>
      </c>
      <c r="B26" s="9" t="s">
        <v>99</v>
      </c>
      <c r="C26" s="2" t="s">
        <v>202</v>
      </c>
      <c r="D26" s="2" t="s">
        <v>100</v>
      </c>
      <c r="E26" s="2" t="s">
        <v>59</v>
      </c>
    </row>
    <row r="27" spans="1:5" s="7" customFormat="1" ht="23.1" customHeight="1">
      <c r="A27" s="1">
        <v>25</v>
      </c>
      <c r="B27" s="9" t="s">
        <v>101</v>
      </c>
      <c r="C27" s="2" t="s">
        <v>102</v>
      </c>
      <c r="D27" s="2" t="s">
        <v>103</v>
      </c>
      <c r="E27" s="2" t="s">
        <v>3</v>
      </c>
    </row>
    <row r="28" spans="1:5" s="7" customFormat="1" ht="23.1" customHeight="1">
      <c r="A28" s="1">
        <v>26</v>
      </c>
      <c r="B28" s="9" t="s">
        <v>245</v>
      </c>
      <c r="C28" s="2" t="s">
        <v>244</v>
      </c>
      <c r="D28" s="2" t="s">
        <v>23</v>
      </c>
      <c r="E28" s="2" t="s">
        <v>55</v>
      </c>
    </row>
    <row r="29" spans="1:5" s="7" customFormat="1" ht="23.1" customHeight="1">
      <c r="A29" s="1">
        <v>27</v>
      </c>
      <c r="B29" s="9" t="s">
        <v>104</v>
      </c>
      <c r="C29" s="2" t="s">
        <v>24</v>
      </c>
      <c r="D29" s="2" t="s">
        <v>203</v>
      </c>
      <c r="E29" s="2" t="s">
        <v>59</v>
      </c>
    </row>
    <row r="30" spans="1:5" s="7" customFormat="1" ht="23.1" customHeight="1">
      <c r="A30" s="1">
        <v>28</v>
      </c>
      <c r="B30" s="9" t="s">
        <v>105</v>
      </c>
      <c r="C30" s="2" t="s">
        <v>25</v>
      </c>
      <c r="D30" s="2" t="s">
        <v>26</v>
      </c>
      <c r="E30" s="2" t="s">
        <v>59</v>
      </c>
    </row>
    <row r="31" spans="1:5" s="7" customFormat="1" ht="23.1" customHeight="1">
      <c r="A31" s="1">
        <v>29</v>
      </c>
      <c r="B31" s="9" t="s">
        <v>225</v>
      </c>
      <c r="C31" s="2" t="s">
        <v>223</v>
      </c>
      <c r="D31" s="2" t="s">
        <v>224</v>
      </c>
      <c r="E31" s="2" t="s">
        <v>55</v>
      </c>
    </row>
    <row r="32" spans="1:5" s="7" customFormat="1" ht="23.1" customHeight="1">
      <c r="A32" s="1">
        <v>30</v>
      </c>
      <c r="B32" s="9" t="s">
        <v>106</v>
      </c>
      <c r="C32" s="2" t="s">
        <v>28</v>
      </c>
      <c r="D32" s="2" t="s">
        <v>204</v>
      </c>
      <c r="E32" s="2" t="s">
        <v>3</v>
      </c>
    </row>
    <row r="33" spans="1:5" s="7" customFormat="1" ht="23.1" customHeight="1">
      <c r="A33" s="1">
        <v>31</v>
      </c>
      <c r="B33" s="9" t="s">
        <v>107</v>
      </c>
      <c r="C33" s="2" t="s">
        <v>29</v>
      </c>
      <c r="D33" s="2" t="s">
        <v>30</v>
      </c>
      <c r="E33" s="2" t="s">
        <v>59</v>
      </c>
    </row>
    <row r="34" spans="1:5" s="7" customFormat="1" ht="23.1" customHeight="1">
      <c r="A34" s="1">
        <v>32</v>
      </c>
      <c r="B34" s="9" t="s">
        <v>108</v>
      </c>
      <c r="C34" s="2" t="s">
        <v>109</v>
      </c>
      <c r="D34" s="2" t="s">
        <v>110</v>
      </c>
      <c r="E34" s="2" t="s">
        <v>59</v>
      </c>
    </row>
    <row r="35" spans="1:5" s="7" customFormat="1" ht="23.1" customHeight="1">
      <c r="A35" s="1">
        <v>33</v>
      </c>
      <c r="B35" s="9" t="s">
        <v>111</v>
      </c>
      <c r="C35" s="2" t="s">
        <v>205</v>
      </c>
      <c r="D35" s="2" t="s">
        <v>27</v>
      </c>
      <c r="E35" s="2" t="s">
        <v>59</v>
      </c>
    </row>
    <row r="36" spans="1:5" s="7" customFormat="1" ht="23.1" customHeight="1">
      <c r="A36" s="1">
        <v>34</v>
      </c>
      <c r="B36" s="9" t="s">
        <v>112</v>
      </c>
      <c r="C36" s="2" t="s">
        <v>113</v>
      </c>
      <c r="D36" s="2" t="s">
        <v>33</v>
      </c>
      <c r="E36" s="2" t="s">
        <v>59</v>
      </c>
    </row>
    <row r="37" spans="1:5" s="7" customFormat="1" ht="23.1" customHeight="1">
      <c r="A37" s="1">
        <v>35</v>
      </c>
      <c r="B37" s="9" t="s">
        <v>114</v>
      </c>
      <c r="C37" s="2" t="s">
        <v>115</v>
      </c>
      <c r="D37" s="2" t="s">
        <v>34</v>
      </c>
      <c r="E37" s="2" t="s">
        <v>59</v>
      </c>
    </row>
    <row r="38" spans="1:5" s="7" customFormat="1" ht="23.1" customHeight="1">
      <c r="A38" s="1">
        <v>36</v>
      </c>
      <c r="B38" s="9" t="s">
        <v>116</v>
      </c>
      <c r="C38" s="2" t="s">
        <v>117</v>
      </c>
      <c r="D38" s="2" t="s">
        <v>118</v>
      </c>
      <c r="E38" s="2" t="s">
        <v>59</v>
      </c>
    </row>
    <row r="39" spans="1:5" s="7" customFormat="1" ht="23.1" customHeight="1">
      <c r="A39" s="1">
        <v>37</v>
      </c>
      <c r="B39" s="9" t="s">
        <v>119</v>
      </c>
      <c r="C39" s="2" t="s">
        <v>31</v>
      </c>
      <c r="D39" s="2" t="s">
        <v>32</v>
      </c>
      <c r="E39" s="2" t="s">
        <v>59</v>
      </c>
    </row>
    <row r="40" spans="1:5" s="7" customFormat="1" ht="23.1" customHeight="1">
      <c r="A40" s="1">
        <v>38</v>
      </c>
      <c r="B40" s="9" t="s">
        <v>120</v>
      </c>
      <c r="C40" s="2" t="s">
        <v>121</v>
      </c>
      <c r="D40" s="2" t="s">
        <v>206</v>
      </c>
      <c r="E40" s="2" t="s">
        <v>59</v>
      </c>
    </row>
    <row r="41" spans="1:5" s="7" customFormat="1" ht="23.1" customHeight="1">
      <c r="A41" s="1">
        <v>39</v>
      </c>
      <c r="B41" s="9" t="s">
        <v>122</v>
      </c>
      <c r="C41" s="2" t="s">
        <v>248</v>
      </c>
      <c r="D41" s="2" t="s">
        <v>35</v>
      </c>
      <c r="E41" s="2" t="s">
        <v>59</v>
      </c>
    </row>
    <row r="42" spans="1:5" s="7" customFormat="1" ht="23.1" customHeight="1">
      <c r="A42" s="1">
        <v>40</v>
      </c>
      <c r="B42" s="9" t="s">
        <v>247</v>
      </c>
      <c r="C42" s="2" t="s">
        <v>36</v>
      </c>
      <c r="D42" s="2" t="s">
        <v>246</v>
      </c>
      <c r="E42" s="2" t="s">
        <v>59</v>
      </c>
    </row>
    <row r="43" spans="1:5" s="11" customFormat="1" ht="23.1" customHeight="1">
      <c r="A43" s="1">
        <v>41</v>
      </c>
      <c r="B43" s="9" t="s">
        <v>266</v>
      </c>
      <c r="C43" s="2" t="s">
        <v>265</v>
      </c>
      <c r="D43" s="2" t="s">
        <v>264</v>
      </c>
      <c r="E43" s="2" t="s">
        <v>3</v>
      </c>
    </row>
    <row r="44" spans="1:5" s="7" customFormat="1" ht="23.1" customHeight="1">
      <c r="A44" s="1">
        <v>42</v>
      </c>
      <c r="B44" s="9" t="s">
        <v>123</v>
      </c>
      <c r="C44" s="4" t="s">
        <v>260</v>
      </c>
      <c r="D44" s="2" t="s">
        <v>37</v>
      </c>
      <c r="E44" s="2" t="s">
        <v>59</v>
      </c>
    </row>
    <row r="45" spans="1:5" s="7" customFormat="1" ht="23.1" customHeight="1">
      <c r="A45" s="1">
        <v>43</v>
      </c>
      <c r="B45" s="9" t="s">
        <v>124</v>
      </c>
      <c r="C45" s="4" t="s">
        <v>207</v>
      </c>
      <c r="D45" s="2" t="s">
        <v>38</v>
      </c>
      <c r="E45" s="2" t="s">
        <v>3</v>
      </c>
    </row>
    <row r="46" spans="1:5" s="7" customFormat="1" ht="23.1" customHeight="1">
      <c r="A46" s="1">
        <v>44</v>
      </c>
      <c r="B46" s="9" t="s">
        <v>125</v>
      </c>
      <c r="C46" s="2" t="s">
        <v>126</v>
      </c>
      <c r="D46" s="2" t="s">
        <v>39</v>
      </c>
      <c r="E46" s="2" t="s">
        <v>59</v>
      </c>
    </row>
    <row r="47" spans="1:5" s="7" customFormat="1" ht="23.1" customHeight="1">
      <c r="A47" s="1">
        <v>45</v>
      </c>
      <c r="B47" s="9" t="s">
        <v>127</v>
      </c>
      <c r="C47" s="2" t="s">
        <v>128</v>
      </c>
      <c r="D47" s="2" t="s">
        <v>40</v>
      </c>
      <c r="E47" s="2" t="s">
        <v>59</v>
      </c>
    </row>
    <row r="48" spans="1:5" s="7" customFormat="1" ht="23.1" customHeight="1">
      <c r="A48" s="1">
        <v>46</v>
      </c>
      <c r="B48" s="9" t="s">
        <v>129</v>
      </c>
      <c r="C48" s="2" t="s">
        <v>130</v>
      </c>
      <c r="D48" s="2" t="s">
        <v>41</v>
      </c>
      <c r="E48" s="2" t="s">
        <v>59</v>
      </c>
    </row>
    <row r="49" spans="1:5" s="7" customFormat="1" ht="23.1" customHeight="1">
      <c r="A49" s="1">
        <v>47</v>
      </c>
      <c r="B49" s="9" t="s">
        <v>131</v>
      </c>
      <c r="C49" s="2" t="s">
        <v>208</v>
      </c>
      <c r="D49" s="2" t="s">
        <v>42</v>
      </c>
      <c r="E49" s="2" t="s">
        <v>59</v>
      </c>
    </row>
    <row r="50" spans="1:5" s="7" customFormat="1" ht="23.1" customHeight="1">
      <c r="A50" s="1">
        <v>48</v>
      </c>
      <c r="B50" s="9" t="s">
        <v>132</v>
      </c>
      <c r="C50" s="2" t="s">
        <v>133</v>
      </c>
      <c r="D50" s="2" t="s">
        <v>209</v>
      </c>
      <c r="E50" s="2" t="s">
        <v>59</v>
      </c>
    </row>
    <row r="51" spans="1:5" s="7" customFormat="1" ht="23.1" customHeight="1">
      <c r="A51" s="1">
        <v>49</v>
      </c>
      <c r="B51" s="9" t="s">
        <v>134</v>
      </c>
      <c r="C51" s="2" t="s">
        <v>210</v>
      </c>
      <c r="D51" s="2" t="s">
        <v>43</v>
      </c>
      <c r="E51" s="2" t="s">
        <v>59</v>
      </c>
    </row>
    <row r="52" spans="1:5" s="7" customFormat="1" ht="23.1" customHeight="1">
      <c r="A52" s="1">
        <v>50</v>
      </c>
      <c r="B52" s="9" t="s">
        <v>135</v>
      </c>
      <c r="C52" s="2" t="s">
        <v>211</v>
      </c>
      <c r="D52" s="2" t="s">
        <v>44</v>
      </c>
      <c r="E52" s="2" t="s">
        <v>59</v>
      </c>
    </row>
    <row r="53" spans="1:5" s="7" customFormat="1" ht="23.1" customHeight="1">
      <c r="A53" s="1">
        <v>51</v>
      </c>
      <c r="B53" s="9" t="s">
        <v>136</v>
      </c>
      <c r="C53" s="2" t="s">
        <v>137</v>
      </c>
      <c r="D53" s="2" t="s">
        <v>138</v>
      </c>
      <c r="E53" s="2" t="s">
        <v>59</v>
      </c>
    </row>
    <row r="54" spans="1:5" s="7" customFormat="1" ht="23.1" customHeight="1">
      <c r="A54" s="1">
        <v>52</v>
      </c>
      <c r="B54" s="9" t="s">
        <v>139</v>
      </c>
      <c r="C54" s="2" t="s">
        <v>45</v>
      </c>
      <c r="D54" s="2" t="s">
        <v>46</v>
      </c>
      <c r="E54" s="2" t="s">
        <v>59</v>
      </c>
    </row>
    <row r="55" spans="1:5" s="7" customFormat="1" ht="23.1" customHeight="1">
      <c r="A55" s="1">
        <v>53</v>
      </c>
      <c r="B55" s="9" t="s">
        <v>140</v>
      </c>
      <c r="C55" s="2" t="s">
        <v>141</v>
      </c>
      <c r="D55" s="2" t="s">
        <v>142</v>
      </c>
      <c r="E55" s="2" t="s">
        <v>3</v>
      </c>
    </row>
    <row r="56" spans="1:5" s="7" customFormat="1" ht="23.1" customHeight="1">
      <c r="A56" s="1">
        <v>54</v>
      </c>
      <c r="B56" s="9" t="s">
        <v>143</v>
      </c>
      <c r="C56" s="2" t="s">
        <v>144</v>
      </c>
      <c r="D56" s="2" t="s">
        <v>145</v>
      </c>
      <c r="E56" s="2" t="s">
        <v>59</v>
      </c>
    </row>
    <row r="57" spans="1:5" s="7" customFormat="1" ht="23.1" customHeight="1">
      <c r="A57" s="1">
        <v>55</v>
      </c>
      <c r="B57" s="9" t="s">
        <v>146</v>
      </c>
      <c r="C57" s="2" t="s">
        <v>212</v>
      </c>
      <c r="D57" s="2" t="s">
        <v>213</v>
      </c>
      <c r="E57" s="2" t="s">
        <v>59</v>
      </c>
    </row>
    <row r="58" spans="1:5" s="7" customFormat="1" ht="23.1" customHeight="1">
      <c r="A58" s="1">
        <v>56</v>
      </c>
      <c r="B58" s="9" t="s">
        <v>147</v>
      </c>
      <c r="C58" s="2" t="s">
        <v>214</v>
      </c>
      <c r="D58" s="2" t="s">
        <v>148</v>
      </c>
      <c r="E58" s="2" t="s">
        <v>59</v>
      </c>
    </row>
    <row r="59" spans="1:5" s="7" customFormat="1" ht="23.1" customHeight="1">
      <c r="A59" s="1">
        <v>57</v>
      </c>
      <c r="B59" s="9" t="s">
        <v>149</v>
      </c>
      <c r="C59" s="2" t="s">
        <v>215</v>
      </c>
      <c r="D59" s="2" t="s">
        <v>47</v>
      </c>
      <c r="E59" s="2" t="s">
        <v>59</v>
      </c>
    </row>
    <row r="60" spans="1:5" s="7" customFormat="1" ht="23.1" customHeight="1">
      <c r="A60" s="1">
        <v>58</v>
      </c>
      <c r="B60" s="9" t="s">
        <v>218</v>
      </c>
      <c r="C60" s="2" t="s">
        <v>219</v>
      </c>
      <c r="D60" s="2" t="s">
        <v>217</v>
      </c>
      <c r="E60" s="2" t="s">
        <v>59</v>
      </c>
    </row>
    <row r="61" spans="1:5" s="7" customFormat="1" ht="23.1" customHeight="1">
      <c r="A61" s="1">
        <v>59</v>
      </c>
      <c r="B61" s="9" t="s">
        <v>220</v>
      </c>
      <c r="C61" s="2" t="s">
        <v>216</v>
      </c>
      <c r="D61" s="2" t="s">
        <v>48</v>
      </c>
      <c r="E61" s="2" t="s">
        <v>59</v>
      </c>
    </row>
    <row r="62" spans="1:5" s="7" customFormat="1" ht="23.1" customHeight="1">
      <c r="A62" s="1">
        <v>60</v>
      </c>
      <c r="B62" s="9" t="s">
        <v>150</v>
      </c>
      <c r="C62" s="2" t="s">
        <v>151</v>
      </c>
      <c r="D62" s="2" t="s">
        <v>152</v>
      </c>
      <c r="E62" s="2" t="s">
        <v>59</v>
      </c>
    </row>
    <row r="63" spans="1:5" s="7" customFormat="1" ht="23.1" customHeight="1">
      <c r="A63" s="1">
        <v>61</v>
      </c>
      <c r="B63" s="9" t="s">
        <v>251</v>
      </c>
      <c r="C63" s="2" t="s">
        <v>250</v>
      </c>
      <c r="D63" s="2" t="s">
        <v>249</v>
      </c>
      <c r="E63" s="2" t="s">
        <v>3</v>
      </c>
    </row>
    <row r="64" spans="1:5" s="7" customFormat="1" ht="23.1" customHeight="1">
      <c r="A64" s="1">
        <v>62</v>
      </c>
      <c r="B64" s="9" t="s">
        <v>153</v>
      </c>
      <c r="C64" s="2" t="s">
        <v>53</v>
      </c>
      <c r="D64" s="2" t="s">
        <v>154</v>
      </c>
      <c r="E64" s="2" t="s">
        <v>59</v>
      </c>
    </row>
    <row r="65" spans="1:5" s="7" customFormat="1" ht="23.1" customHeight="1">
      <c r="A65" s="1">
        <v>63</v>
      </c>
      <c r="B65" s="9" t="s">
        <v>228</v>
      </c>
      <c r="C65" s="2" t="s">
        <v>226</v>
      </c>
      <c r="D65" s="2" t="s">
        <v>227</v>
      </c>
      <c r="E65" s="2" t="s">
        <v>55</v>
      </c>
    </row>
    <row r="66" spans="1:5" s="7" customFormat="1" ht="23.1" customHeight="1">
      <c r="A66" s="1">
        <v>64</v>
      </c>
      <c r="B66" s="9" t="s">
        <v>155</v>
      </c>
      <c r="C66" s="2" t="s">
        <v>5</v>
      </c>
      <c r="D66" s="2" t="s">
        <v>156</v>
      </c>
      <c r="E66" s="2" t="s">
        <v>59</v>
      </c>
    </row>
    <row r="67" spans="1:5" s="7" customFormat="1" ht="23.1" customHeight="1">
      <c r="A67" s="1">
        <v>65</v>
      </c>
      <c r="B67" s="9" t="s">
        <v>254</v>
      </c>
      <c r="C67" s="2" t="s">
        <v>252</v>
      </c>
      <c r="D67" s="2" t="s">
        <v>253</v>
      </c>
      <c r="E67" s="2" t="s">
        <v>3</v>
      </c>
    </row>
    <row r="68" spans="1:5" s="7" customFormat="1" ht="23.1" customHeight="1">
      <c r="A68" s="1">
        <v>66</v>
      </c>
      <c r="B68" s="9" t="s">
        <v>221</v>
      </c>
      <c r="C68" s="4" t="s">
        <v>259</v>
      </c>
      <c r="D68" s="2" t="s">
        <v>157</v>
      </c>
      <c r="E68" s="2" t="s">
        <v>59</v>
      </c>
    </row>
    <row r="69" spans="1:5" s="7" customFormat="1" ht="23.1" customHeight="1">
      <c r="A69" s="1">
        <v>67</v>
      </c>
      <c r="B69" s="10" t="s">
        <v>263</v>
      </c>
      <c r="C69" s="4" t="s">
        <v>262</v>
      </c>
      <c r="D69" s="4" t="s">
        <v>261</v>
      </c>
      <c r="E69" s="4" t="s">
        <v>3</v>
      </c>
    </row>
    <row r="70" spans="1:5" s="7" customFormat="1" ht="23.1" customHeight="1">
      <c r="A70" s="1">
        <v>68</v>
      </c>
      <c r="B70" s="9" t="s">
        <v>158</v>
      </c>
      <c r="C70" s="2" t="s">
        <v>159</v>
      </c>
      <c r="D70" s="2" t="s">
        <v>160</v>
      </c>
      <c r="E70" s="2" t="s">
        <v>3</v>
      </c>
    </row>
    <row r="71" spans="1:5" s="7" customFormat="1" ht="23.1" customHeight="1">
      <c r="A71" s="1">
        <v>69</v>
      </c>
      <c r="B71" s="9" t="s">
        <v>161</v>
      </c>
      <c r="C71" s="2" t="s">
        <v>6</v>
      </c>
      <c r="D71" s="2" t="s">
        <v>162</v>
      </c>
      <c r="E71" s="2" t="s">
        <v>59</v>
      </c>
    </row>
    <row r="72" spans="1:5" s="7" customFormat="1" ht="23.1" customHeight="1">
      <c r="A72" s="1">
        <v>70</v>
      </c>
      <c r="B72" s="10" t="s">
        <v>258</v>
      </c>
      <c r="C72" s="4" t="s">
        <v>257</v>
      </c>
      <c r="D72" s="4" t="s">
        <v>256</v>
      </c>
      <c r="E72" s="4" t="s">
        <v>3</v>
      </c>
    </row>
    <row r="73" spans="1:5" s="7" customFormat="1" ht="23.1" customHeight="1">
      <c r="A73" s="1">
        <v>71</v>
      </c>
      <c r="B73" s="9" t="s">
        <v>163</v>
      </c>
      <c r="C73" s="2" t="s">
        <v>230</v>
      </c>
      <c r="D73" s="2" t="s">
        <v>164</v>
      </c>
      <c r="E73" s="2" t="s">
        <v>59</v>
      </c>
    </row>
    <row r="74" spans="1:5" s="7" customFormat="1" ht="23.1" customHeight="1">
      <c r="A74" s="1">
        <v>72</v>
      </c>
      <c r="B74" s="9" t="s">
        <v>165</v>
      </c>
      <c r="C74" s="2" t="s">
        <v>166</v>
      </c>
      <c r="D74" s="2" t="s">
        <v>167</v>
      </c>
      <c r="E74" s="2" t="s">
        <v>59</v>
      </c>
    </row>
    <row r="75" spans="1:5" s="7" customFormat="1" ht="23.1" customHeight="1">
      <c r="A75" s="1">
        <v>73</v>
      </c>
      <c r="B75" s="9" t="s">
        <v>168</v>
      </c>
      <c r="C75" s="2" t="s">
        <v>169</v>
      </c>
      <c r="D75" s="2" t="s">
        <v>167</v>
      </c>
      <c r="E75" s="2" t="s">
        <v>59</v>
      </c>
    </row>
    <row r="76" spans="1:5" s="7" customFormat="1" ht="23.1" customHeight="1">
      <c r="A76" s="1">
        <v>74</v>
      </c>
      <c r="B76" s="9" t="s">
        <v>236</v>
      </c>
      <c r="C76" s="2" t="s">
        <v>235</v>
      </c>
      <c r="D76" s="2" t="s">
        <v>234</v>
      </c>
      <c r="E76" s="2" t="s">
        <v>3</v>
      </c>
    </row>
    <row r="77" spans="1:5" s="7" customFormat="1" ht="23.1" customHeight="1">
      <c r="A77" s="1">
        <v>75</v>
      </c>
      <c r="B77" s="9" t="s">
        <v>240</v>
      </c>
      <c r="C77" s="2" t="s">
        <v>238</v>
      </c>
      <c r="D77" s="2" t="s">
        <v>239</v>
      </c>
      <c r="E77" s="2" t="s">
        <v>3</v>
      </c>
    </row>
    <row r="78" spans="1:5" s="7" customFormat="1" ht="23.1" customHeight="1">
      <c r="A78" s="1">
        <v>76</v>
      </c>
      <c r="B78" s="9" t="s">
        <v>172</v>
      </c>
      <c r="C78" s="2" t="s">
        <v>173</v>
      </c>
      <c r="D78" s="2" t="s">
        <v>174</v>
      </c>
      <c r="E78" s="2" t="s">
        <v>3</v>
      </c>
    </row>
    <row r="79" spans="1:5" s="7" customFormat="1" ht="23.1" customHeight="1">
      <c r="A79" s="1">
        <v>77</v>
      </c>
      <c r="B79" s="9" t="s">
        <v>170</v>
      </c>
      <c r="C79" s="2" t="s">
        <v>49</v>
      </c>
      <c r="D79" s="2" t="s">
        <v>171</v>
      </c>
      <c r="E79" s="2" t="s">
        <v>3</v>
      </c>
    </row>
    <row r="80" spans="1:5" s="7" customFormat="1" ht="23.1" customHeight="1">
      <c r="A80" s="1">
        <v>78</v>
      </c>
      <c r="B80" s="9" t="s">
        <v>175</v>
      </c>
      <c r="C80" s="2" t="s">
        <v>176</v>
      </c>
      <c r="D80" s="2" t="s">
        <v>177</v>
      </c>
      <c r="E80" s="2" t="s">
        <v>59</v>
      </c>
    </row>
    <row r="81" spans="1:5" s="7" customFormat="1" ht="23.1" customHeight="1">
      <c r="A81" s="1">
        <v>79</v>
      </c>
      <c r="B81" s="9" t="s">
        <v>178</v>
      </c>
      <c r="C81" s="2" t="s">
        <v>179</v>
      </c>
      <c r="D81" s="2" t="s">
        <v>180</v>
      </c>
      <c r="E81" s="2" t="s">
        <v>3</v>
      </c>
    </row>
    <row r="82" spans="1:5" s="7" customFormat="1" ht="23.1" customHeight="1">
      <c r="A82" s="1">
        <v>80</v>
      </c>
      <c r="B82" s="9" t="s">
        <v>181</v>
      </c>
      <c r="C82" s="2" t="s">
        <v>182</v>
      </c>
      <c r="D82" s="2" t="s">
        <v>183</v>
      </c>
      <c r="E82" s="2" t="s">
        <v>59</v>
      </c>
    </row>
    <row r="83" spans="1:5" s="7" customFormat="1" ht="23.1" customHeight="1">
      <c r="A83" s="1">
        <v>81</v>
      </c>
      <c r="B83" s="9" t="s">
        <v>184</v>
      </c>
      <c r="C83" s="2" t="s">
        <v>185</v>
      </c>
      <c r="D83" s="2" t="s">
        <v>186</v>
      </c>
      <c r="E83" s="2" t="s">
        <v>59</v>
      </c>
    </row>
    <row r="84" spans="1:5" s="7" customFormat="1" ht="23.1" customHeight="1">
      <c r="A84" s="1">
        <v>82</v>
      </c>
      <c r="B84" s="9" t="s">
        <v>187</v>
      </c>
      <c r="C84" s="2" t="s">
        <v>52</v>
      </c>
      <c r="D84" s="2" t="s">
        <v>188</v>
      </c>
      <c r="E84" s="2" t="s">
        <v>59</v>
      </c>
    </row>
    <row r="85" spans="1:5" s="7" customFormat="1" ht="23.1" customHeight="1">
      <c r="A85" s="1">
        <v>83</v>
      </c>
      <c r="B85" s="9" t="s">
        <v>233</v>
      </c>
      <c r="C85" s="2" t="s">
        <v>232</v>
      </c>
      <c r="D85" s="2" t="s">
        <v>231</v>
      </c>
      <c r="E85" s="2" t="s">
        <v>3</v>
      </c>
    </row>
    <row r="86" spans="1:5" s="7" customFormat="1" ht="23.1" customHeight="1">
      <c r="A86" s="1">
        <v>84</v>
      </c>
      <c r="B86" s="9" t="s">
        <v>189</v>
      </c>
      <c r="C86" s="2" t="s">
        <v>190</v>
      </c>
      <c r="D86" s="2" t="s">
        <v>191</v>
      </c>
      <c r="E86" s="2" t="s">
        <v>3</v>
      </c>
    </row>
    <row r="87" spans="1:5" s="7" customFormat="1" ht="23.1" customHeight="1">
      <c r="A87" s="1">
        <v>85</v>
      </c>
      <c r="B87" s="9" t="s">
        <v>192</v>
      </c>
      <c r="C87" s="2" t="s">
        <v>50</v>
      </c>
      <c r="D87" s="2" t="s">
        <v>193</v>
      </c>
      <c r="E87" s="2" t="s">
        <v>3</v>
      </c>
    </row>
    <row r="88" spans="1:5" s="7" customFormat="1" ht="23.1" customHeight="1">
      <c r="A88" s="1">
        <v>86</v>
      </c>
      <c r="B88" s="9" t="s">
        <v>194</v>
      </c>
      <c r="C88" s="2" t="s">
        <v>51</v>
      </c>
      <c r="D88" s="2" t="s">
        <v>195</v>
      </c>
      <c r="E88" s="2" t="s">
        <v>3</v>
      </c>
    </row>
    <row r="89" spans="1:5" ht="23.1" customHeight="1">
      <c r="A89" s="1">
        <v>87</v>
      </c>
      <c r="B89" s="9" t="s">
        <v>196</v>
      </c>
      <c r="C89" s="2" t="s">
        <v>197</v>
      </c>
      <c r="D89" s="2" t="s">
        <v>198</v>
      </c>
      <c r="E89" s="2" t="s">
        <v>3</v>
      </c>
    </row>
    <row r="90" spans="1:5" ht="23.1" customHeight="1">
      <c r="C90" s="6"/>
      <c r="D90" s="6"/>
      <c r="E90" s="6"/>
    </row>
  </sheetData>
  <mergeCells count="1">
    <mergeCell ref="A1:E1"/>
  </mergeCells>
  <phoneticPr fontId="1"/>
  <dataValidations count="2">
    <dataValidation type="list" allowBlank="1" showInputMessage="1" showErrorMessage="1" sqref="E90:E1048576 E2" xr:uid="{00000000-0002-0000-0600-000000000000}">
      <formula1>"旅館,ホテル,簡易宿所"</formula1>
    </dataValidation>
    <dataValidation type="list" allowBlank="1" showInputMessage="1" showErrorMessage="1" sqref="E3:E85" xr:uid="{00000000-0002-0000-0600-000001000000}">
      <formula1>"旅館・ホテル,簡易宿所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52" fitToHeight="0" orientation="portrait" r:id="rId1"/>
  <headerFooter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厚木</vt:lpstr>
      <vt:lpstr>厚木!Print_Area</vt:lpstr>
      <vt:lpstr>厚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1-27T02:23:16Z</cp:lastPrinted>
  <dcterms:created xsi:type="dcterms:W3CDTF">2016-12-05T08:23:20Z</dcterms:created>
  <dcterms:modified xsi:type="dcterms:W3CDTF">2026-02-16T06:25:39Z</dcterms:modified>
</cp:coreProperties>
</file>